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3426"/>
  <workbookPr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4978C78F-FC70-4724-B95C-08039C8C5B1F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Results" sheetId="1" r:id="rId1"/>
  </sheets>
  <calcPr calcId="0"/>
</workbook>
</file>

<file path=xl/sharedStrings.xml><?xml version="1.0" encoding="utf-8"?>
<sst xmlns="http://schemas.openxmlformats.org/spreadsheetml/2006/main" count="2023" uniqueCount="871">
  <si>
    <t>Event</t>
  </si>
  <si>
    <t>Place</t>
  </si>
  <si>
    <t>School</t>
  </si>
  <si>
    <t>3D Animation</t>
  </si>
  <si>
    <t>Levi Collins, Jasmin Comacho-Gonzales, Tierra Holland</t>
  </si>
  <si>
    <t>Swink</t>
  </si>
  <si>
    <t>JamesJackson Morgan, Ashton Russell</t>
  </si>
  <si>
    <t>Battle Mountain</t>
  </si>
  <si>
    <t>Kyle Horn, Emalee Roth</t>
  </si>
  <si>
    <t>Platte Valley</t>
  </si>
  <si>
    <t>Raquel Reese, Madi Kenyon</t>
  </si>
  <si>
    <t>Roosevelt</t>
  </si>
  <si>
    <t>Laura Smith</t>
  </si>
  <si>
    <t>Douglas County</t>
  </si>
  <si>
    <t>Brianna Denton, Courtney Estrada</t>
  </si>
  <si>
    <t>Yana Baravik, Nimrit Kaur, Daniela Martos</t>
  </si>
  <si>
    <t>Grandview</t>
  </si>
  <si>
    <t>Miranda Ceniceros</t>
  </si>
  <si>
    <t>Montrose</t>
  </si>
  <si>
    <t>David Marczin</t>
  </si>
  <si>
    <t>Air Academy</t>
  </si>
  <si>
    <t>Maria Alder, Shannon Blanco, Riley Carpenter</t>
  </si>
  <si>
    <t>Monarch</t>
  </si>
  <si>
    <t>Accounting I</t>
  </si>
  <si>
    <t>Kendall Sibley</t>
  </si>
  <si>
    <t>Horizon</t>
  </si>
  <si>
    <t>Makala Herndon</t>
  </si>
  <si>
    <t>Moffat County</t>
  </si>
  <si>
    <t>Jeffrey Henderson</t>
  </si>
  <si>
    <t>Lamar</t>
  </si>
  <si>
    <t>Ryan Wood</t>
  </si>
  <si>
    <t>NADALYN POSS</t>
  </si>
  <si>
    <t>Akron</t>
  </si>
  <si>
    <t>Sadie Brewer</t>
  </si>
  <si>
    <t>Crowley County</t>
  </si>
  <si>
    <t>Logan Cone</t>
  </si>
  <si>
    <t>Highlands Ranch</t>
  </si>
  <si>
    <t>Audric Wang</t>
  </si>
  <si>
    <t>Fossil Ridge</t>
  </si>
  <si>
    <t>Caitlyn Voyles</t>
  </si>
  <si>
    <t>Cherokee Trail</t>
  </si>
  <si>
    <t>Ehlana Wimberly</t>
  </si>
  <si>
    <t>Chatfield Sr.</t>
  </si>
  <si>
    <t>Accounting II</t>
  </si>
  <si>
    <t>Alexander Archer</t>
  </si>
  <si>
    <t>Jessica Slane</t>
  </si>
  <si>
    <t>Sangre De Cristo</t>
  </si>
  <si>
    <t>Lexis Metz</t>
  </si>
  <si>
    <t>Jay Paolucci</t>
  </si>
  <si>
    <t>La Junta</t>
  </si>
  <si>
    <t>Juleesa Suarez</t>
  </si>
  <si>
    <t>Ainsley McGowan</t>
  </si>
  <si>
    <t>Kristen Bivens</t>
  </si>
  <si>
    <t>Wray</t>
  </si>
  <si>
    <t>Garrett Hurlburt</t>
  </si>
  <si>
    <t>Idalia</t>
  </si>
  <si>
    <t>Grant Thomas</t>
  </si>
  <si>
    <t>University</t>
  </si>
  <si>
    <t>Kaylee McDaniel</t>
  </si>
  <si>
    <t>Alamosa</t>
  </si>
  <si>
    <t>Advertising</t>
  </si>
  <si>
    <t>Trent Writer</t>
  </si>
  <si>
    <t>Rock Canyon</t>
  </si>
  <si>
    <t>Max Senter</t>
  </si>
  <si>
    <t>Salida</t>
  </si>
  <si>
    <t>Evyn Meyer</t>
  </si>
  <si>
    <t>Alaina Whitten</t>
  </si>
  <si>
    <t>Smoky Hill</t>
  </si>
  <si>
    <t>Abby Stuart</t>
  </si>
  <si>
    <t>Alyssa Nguyen</t>
  </si>
  <si>
    <t>Gunnar Tribelhorn</t>
  </si>
  <si>
    <t>Otis</t>
  </si>
  <si>
    <t>Naysi Cheque Bustos</t>
  </si>
  <si>
    <t>Ian Parrish</t>
  </si>
  <si>
    <t>Sand Creek</t>
  </si>
  <si>
    <t>Anna Glass</t>
  </si>
  <si>
    <t>Fairview</t>
  </si>
  <si>
    <t>Agribusiness</t>
  </si>
  <si>
    <t>Collin Oschner</t>
  </si>
  <si>
    <t>Ashlyn Strasser</t>
  </si>
  <si>
    <t>Broomfield</t>
  </si>
  <si>
    <t>Tristen Roll</t>
  </si>
  <si>
    <t>Holyoke</t>
  </si>
  <si>
    <t>Lauren Averill</t>
  </si>
  <si>
    <t>Claire Nguyen</t>
  </si>
  <si>
    <t>Stefanie Pfahnl</t>
  </si>
  <si>
    <t>Kendrick Fetzer</t>
  </si>
  <si>
    <t>Haxtun</t>
  </si>
  <si>
    <t>Brian Roussev</t>
  </si>
  <si>
    <t>George Washington</t>
  </si>
  <si>
    <t>Tristen Jarmon</t>
  </si>
  <si>
    <t>Dove Creek</t>
  </si>
  <si>
    <t>Amy Pollart</t>
  </si>
  <si>
    <t>Prairie School</t>
  </si>
  <si>
    <t>American Enterprise Project</t>
  </si>
  <si>
    <t>Shiloh Gribble</t>
  </si>
  <si>
    <t>Cheyenne Wells</t>
  </si>
  <si>
    <t>Cassidy Weaver, Karolyn Curry, Madelyn Flemister</t>
  </si>
  <si>
    <t>Rocky Mountain</t>
  </si>
  <si>
    <t>Shelby Blach, Jazmin Danner, Jayci Mekelburg</t>
  </si>
  <si>
    <t>Yuma</t>
  </si>
  <si>
    <t>Jesse Chavaria, Josh Yancy</t>
  </si>
  <si>
    <t>Sam Camper, Sydney Holtman</t>
  </si>
  <si>
    <t>Tess Loven, Sunny Pine</t>
  </si>
  <si>
    <t>Boulder</t>
  </si>
  <si>
    <t>MARIAH DEMERS, NADALYN POSS</t>
  </si>
  <si>
    <t>Josie Herman, Emily Jelden, Shianne Willmon</t>
  </si>
  <si>
    <t>Emily Gyurman, Hadlie Rittgers, Kaylee Wilson</t>
  </si>
  <si>
    <t>Eads</t>
  </si>
  <si>
    <t>Banking &amp; Financial Systems</t>
  </si>
  <si>
    <t>Taylor Breidenbach, Kyser Martinez, Kristopher Meraz</t>
  </si>
  <si>
    <t>Caliche</t>
  </si>
  <si>
    <t>Tejas Patel</t>
  </si>
  <si>
    <t>Summit County</t>
  </si>
  <si>
    <t>Jonathan Majszak, Dalton Yost</t>
  </si>
  <si>
    <t>Jacqueline Andrade, Lourdes Ferreira, Belle Kowar</t>
  </si>
  <si>
    <t>Aspen</t>
  </si>
  <si>
    <t>Ian Dakake</t>
  </si>
  <si>
    <t>Caleb Edwards, Caleb Yoon</t>
  </si>
  <si>
    <t>Discovery Canyon</t>
  </si>
  <si>
    <t>Harper Lowrey</t>
  </si>
  <si>
    <t>Poudre</t>
  </si>
  <si>
    <t>Tia Abraham</t>
  </si>
  <si>
    <t>Nathaniel Matte, Chelsie Simpson</t>
  </si>
  <si>
    <t>Ellicott</t>
  </si>
  <si>
    <t>Daniel Griffin, Luke Jones</t>
  </si>
  <si>
    <t>Mountain Vista</t>
  </si>
  <si>
    <t>Broadcast Journalism</t>
  </si>
  <si>
    <t>Rayanna Bartlett, Savannah Buck</t>
  </si>
  <si>
    <t>Valley</t>
  </si>
  <si>
    <t>AKSHITA KAKUMANU, SAIJYOTHI RAMGOPAL</t>
  </si>
  <si>
    <t>Cherry Creek</t>
  </si>
  <si>
    <t>Hannah Carpenter, Brisa Perez</t>
  </si>
  <si>
    <t>Paulina MaldonadoTorres, Cassandra PalaciosRodriguez, Sintia TaFolla</t>
  </si>
  <si>
    <t>Thornton</t>
  </si>
  <si>
    <t>Tyler Fuhs, Beau Lauffer, Matthew Molfino</t>
  </si>
  <si>
    <t>Arapahoe</t>
  </si>
  <si>
    <t>Emme Barnes, Olivia Janicek, Kaitlynn Pfannschmidt</t>
  </si>
  <si>
    <t>Rujuta Idate, Isha Sahasrabudhe</t>
  </si>
  <si>
    <t>Averill Bryan, Mae Terr</t>
  </si>
  <si>
    <t>Emily Moreland, Eric Zertuche</t>
  </si>
  <si>
    <t>Rocky Ford</t>
  </si>
  <si>
    <t>Kavleen Singh, Kaylee Spedon, Sydney Becker</t>
  </si>
  <si>
    <t>Business Calculations</t>
  </si>
  <si>
    <t>Ryan Grayson</t>
  </si>
  <si>
    <t>Shiqi Sheng</t>
  </si>
  <si>
    <t>ZACHARY WANG</t>
  </si>
  <si>
    <t>CLARK LANDRY</t>
  </si>
  <si>
    <t>Ryan Blake</t>
  </si>
  <si>
    <t>Emmakate Raisley</t>
  </si>
  <si>
    <t>Ryan Suckow</t>
  </si>
  <si>
    <t>Nolan Helms</t>
  </si>
  <si>
    <t>Katlyn Chapman</t>
  </si>
  <si>
    <t>Kevin Wong</t>
  </si>
  <si>
    <t>Business Communication</t>
  </si>
  <si>
    <t>Miranda Davis</t>
  </si>
  <si>
    <t>Edenna Chen</t>
  </si>
  <si>
    <t>Rampart</t>
  </si>
  <si>
    <t>Shane Arwood</t>
  </si>
  <si>
    <t>John Zack</t>
  </si>
  <si>
    <t>Sadie Fletcher</t>
  </si>
  <si>
    <t>Grace Yeary</t>
  </si>
  <si>
    <t>Joy Foster</t>
  </si>
  <si>
    <t>Jenna Jaklich</t>
  </si>
  <si>
    <t>Limon</t>
  </si>
  <si>
    <t>Taylor Lyle</t>
  </si>
  <si>
    <t>Pauline Nguyen</t>
  </si>
  <si>
    <t>Business Ethics</t>
  </si>
  <si>
    <t>Olivia Beshoar</t>
  </si>
  <si>
    <t>Autumn Henson</t>
  </si>
  <si>
    <t>Mikayla Lee, Xiomara Lee, Ki'Arey Love</t>
  </si>
  <si>
    <t>Micah Koolstra, Ashlynn Wright</t>
  </si>
  <si>
    <t>Arickaree Undivided School</t>
  </si>
  <si>
    <t>Ian Patterson</t>
  </si>
  <si>
    <t>Kyle Lewis, Gokul Gopakumar, Aneesh Warrier</t>
  </si>
  <si>
    <t>Holly Trujillo</t>
  </si>
  <si>
    <t>Pueblo East</t>
  </si>
  <si>
    <t>Melanie Zhou</t>
  </si>
  <si>
    <t>ThunderRidge</t>
  </si>
  <si>
    <t>Jessica Yang, Jeannie Zhang</t>
  </si>
  <si>
    <t>Anudeep Golla, Lukas Voemel, Barclay Shove</t>
  </si>
  <si>
    <t>Business Financial Plan</t>
  </si>
  <si>
    <t>Lindsay Klaess, Helena Labree</t>
  </si>
  <si>
    <t>Cristian Pena</t>
  </si>
  <si>
    <t>Tarun Amasa, Tucker Catlin, Rithwik Mylavarapu</t>
  </si>
  <si>
    <t>Jivan Shrian, Julien Trocha</t>
  </si>
  <si>
    <t>Sakthi Asokan, Kate Jackowski</t>
  </si>
  <si>
    <t>Rahul Sampangiramiah, Krishna Shenoy, Jason Zhang</t>
  </si>
  <si>
    <t>Caleb Dodge, Matt Kindt</t>
  </si>
  <si>
    <t>Pine Creek</t>
  </si>
  <si>
    <t>Taylor Altman, Madeleine Hemstreet</t>
  </si>
  <si>
    <t>Shriya Amara, Susmitha Ponapalli</t>
  </si>
  <si>
    <t>Shaolong Hall, Zach Zogran</t>
  </si>
  <si>
    <t>Business Law</t>
  </si>
  <si>
    <t>Samantha Nagel</t>
  </si>
  <si>
    <t>Gavin Koen</t>
  </si>
  <si>
    <t>Canon City</t>
  </si>
  <si>
    <t>Maseo Valesquez</t>
  </si>
  <si>
    <t>Elizabeth</t>
  </si>
  <si>
    <t>Justin Watkins</t>
  </si>
  <si>
    <t>Katana Rivette</t>
  </si>
  <si>
    <t>Mountain View</t>
  </si>
  <si>
    <t>DECKER CLARK</t>
  </si>
  <si>
    <t>Kellen Kappel</t>
  </si>
  <si>
    <t>Windsor</t>
  </si>
  <si>
    <t>Claire Townsend</t>
  </si>
  <si>
    <t>CHARLOTTE BRUCE</t>
  </si>
  <si>
    <t>Brody Elliott</t>
  </si>
  <si>
    <t>Regis Jesuit</t>
  </si>
  <si>
    <t>Business Plan</t>
  </si>
  <si>
    <t>Alondra Grajeda, Alize Torres</t>
  </si>
  <si>
    <t>Burlington</t>
  </si>
  <si>
    <t>Dean Folz, Grace O'Donnell</t>
  </si>
  <si>
    <t>Colt DiGiovanni</t>
  </si>
  <si>
    <t>Mountain Range</t>
  </si>
  <si>
    <t>Ian Backes, Trent Johnston</t>
  </si>
  <si>
    <t>Alex Sauer, Braden Adams, Jacob Frenzen</t>
  </si>
  <si>
    <t>Kristy Herr, Severo Moreno</t>
  </si>
  <si>
    <t>Westminster</t>
  </si>
  <si>
    <t>Andrew Bouzareleos, Raul Ramos, Henry Smith</t>
  </si>
  <si>
    <t>Pria Zaveri</t>
  </si>
  <si>
    <t>Jaden Kwon</t>
  </si>
  <si>
    <t>Sowmya Duggirala</t>
  </si>
  <si>
    <t>Client Service</t>
  </si>
  <si>
    <t>Kaylan Ball</t>
  </si>
  <si>
    <t>Josh Cordova</t>
  </si>
  <si>
    <t>Littleton</t>
  </si>
  <si>
    <t>Madison Hoffman</t>
  </si>
  <si>
    <t>Amber Michel</t>
  </si>
  <si>
    <t>Monte Vista</t>
  </si>
  <si>
    <t>Riley Thompson</t>
  </si>
  <si>
    <t>Chris O'Connell</t>
  </si>
  <si>
    <t>McKenna Andersen</t>
  </si>
  <si>
    <t>Bria Look</t>
  </si>
  <si>
    <t>Englewood</t>
  </si>
  <si>
    <t>Lilia Barnett</t>
  </si>
  <si>
    <t>Elsy Fernandez</t>
  </si>
  <si>
    <t>Coding and Programming</t>
  </si>
  <si>
    <t>Ricardo Villalobos</t>
  </si>
  <si>
    <t>Strasburg</t>
  </si>
  <si>
    <t>Lauren Funston</t>
  </si>
  <si>
    <t>Nick Zainer</t>
  </si>
  <si>
    <t>Michael Zigray</t>
  </si>
  <si>
    <t>Berthoud</t>
  </si>
  <si>
    <t>Luke Beukelman</t>
  </si>
  <si>
    <t>LAVAN VIVEKANANDASARMA</t>
  </si>
  <si>
    <t>Matthew Rottinghaus</t>
  </si>
  <si>
    <t>Community Service Project</t>
  </si>
  <si>
    <t>Jadin Rogers</t>
  </si>
  <si>
    <t>Vy Nghe, Milana Yushkevich, Sophia Shabeka</t>
  </si>
  <si>
    <t>Lisa Bustillos, Kim Guerrero, Gissel Gutierrez</t>
  </si>
  <si>
    <t>QUINCY BASLER, JANESSA SHOOK</t>
  </si>
  <si>
    <t>Jacy Archer, Brianna Jones, Bradie Midcap</t>
  </si>
  <si>
    <t>Bliss Pekkala, MaryTarver Reid, Brady Rogers</t>
  </si>
  <si>
    <t>Azariah Calderon, Erika Meakins</t>
  </si>
  <si>
    <t>Loralei Carroll, Emma Martinez, Madison Stewart</t>
  </si>
  <si>
    <t>Brendan Bunting, Colby Carmin, Colton Moore</t>
  </si>
  <si>
    <t>Citlali Marquez, Makenzie Martin, Jacqueline Valenzuela</t>
  </si>
  <si>
    <t>Computer Applications</t>
  </si>
  <si>
    <t>Lexus Venzor</t>
  </si>
  <si>
    <t>Alexa Brooks</t>
  </si>
  <si>
    <t>Ponderosa</t>
  </si>
  <si>
    <t>Jackson Todd</t>
  </si>
  <si>
    <t>Castle View</t>
  </si>
  <si>
    <t>Stuart Reckase</t>
  </si>
  <si>
    <t>Alyssa Mortensen</t>
  </si>
  <si>
    <t>Aaron Rasmussen</t>
  </si>
  <si>
    <t>Braxton Bates</t>
  </si>
  <si>
    <t>Fowler</t>
  </si>
  <si>
    <t>Daisy Stone</t>
  </si>
  <si>
    <t>Flagler</t>
  </si>
  <si>
    <t>Zach Ballinger</t>
  </si>
  <si>
    <t>Chelsea Edgar</t>
  </si>
  <si>
    <t>Sanford</t>
  </si>
  <si>
    <t>Computer Game &amp; Simulation Programming</t>
  </si>
  <si>
    <t>Samuel Adams</t>
  </si>
  <si>
    <t>McClave</t>
  </si>
  <si>
    <t>Kathy Lu</t>
  </si>
  <si>
    <t>Gavin Hall, Leif Nelson</t>
  </si>
  <si>
    <t>Olathe</t>
  </si>
  <si>
    <t>Zach Fuchs</t>
  </si>
  <si>
    <t>Sargent</t>
  </si>
  <si>
    <t>Joshua Baker</t>
  </si>
  <si>
    <t>Matthew Davis, Charles Fehringer</t>
  </si>
  <si>
    <t>Peetz</t>
  </si>
  <si>
    <t>Alyssa Bauer</t>
  </si>
  <si>
    <t>Cody Gross</t>
  </si>
  <si>
    <t>Trevor Whiteside, Claire Corbasson, Lauren Davey</t>
  </si>
  <si>
    <t>Delta</t>
  </si>
  <si>
    <t>LinZi Fuller, Lauren Nagel</t>
  </si>
  <si>
    <t>Computer Problem Solving</t>
  </si>
  <si>
    <t>Eugin Pahk</t>
  </si>
  <si>
    <t>Jacob Trujillo</t>
  </si>
  <si>
    <t>Elijah Marler</t>
  </si>
  <si>
    <t>Zidane Markey</t>
  </si>
  <si>
    <t>Max Johnson</t>
  </si>
  <si>
    <t>Palisade</t>
  </si>
  <si>
    <t>Braden O'Brien</t>
  </si>
  <si>
    <t>Isabel Anaya</t>
  </si>
  <si>
    <t>Thomas Creen</t>
  </si>
  <si>
    <t>Steven Salazar</t>
  </si>
  <si>
    <t>Las Animas</t>
  </si>
  <si>
    <t>Simon Dick</t>
  </si>
  <si>
    <t>Cyber Security</t>
  </si>
  <si>
    <t>Javier Chacon</t>
  </si>
  <si>
    <t>Mattysen Short</t>
  </si>
  <si>
    <t>Katie Ballinger</t>
  </si>
  <si>
    <t>Augustas Cowan</t>
  </si>
  <si>
    <t>Julian Sanchez</t>
  </si>
  <si>
    <t>Loveland</t>
  </si>
  <si>
    <t>Tatiana Peixoto</t>
  </si>
  <si>
    <t>Legacy</t>
  </si>
  <si>
    <t>Michael Jones</t>
  </si>
  <si>
    <t>Jon Larsen</t>
  </si>
  <si>
    <t>Jonathan Ballard</t>
  </si>
  <si>
    <t>Eaton</t>
  </si>
  <si>
    <t>Fletcher Collins</t>
  </si>
  <si>
    <t>Database Design &amp; Applications</t>
  </si>
  <si>
    <t>Blake Fuschich</t>
  </si>
  <si>
    <t>Rhynise Harvey</t>
  </si>
  <si>
    <t>Maya Maldonado</t>
  </si>
  <si>
    <t>Kobi Hobert</t>
  </si>
  <si>
    <t>Keghan McKune</t>
  </si>
  <si>
    <t>Adrian Reghitto</t>
  </si>
  <si>
    <t>Israel Montellano</t>
  </si>
  <si>
    <t>Connor Dixon</t>
  </si>
  <si>
    <t>Avery Bouldin</t>
  </si>
  <si>
    <t>Jake Peters</t>
  </si>
  <si>
    <t>Digital Video Production</t>
  </si>
  <si>
    <t>Allie Yarochowicz, Morgan Palermo</t>
  </si>
  <si>
    <t>Aly Young, Rachel Fryrear</t>
  </si>
  <si>
    <t>Abhiram Killamsetty, Heramb Mohite</t>
  </si>
  <si>
    <t>Jeeva Senthilnathan, Ciara Smith, Jacob Butterfield</t>
  </si>
  <si>
    <t>Rico Carale, Chase Roweth</t>
  </si>
  <si>
    <t>Gavin Kennedy, Jay Landers, Rashid MohamedOsman</t>
  </si>
  <si>
    <t>Alison Pickett, Julia Vartuli, Chantelle Whittaker</t>
  </si>
  <si>
    <t>Taylee Beilman, Mikyla Bowen</t>
  </si>
  <si>
    <t>Northridge</t>
  </si>
  <si>
    <t>Kaylee Loveless, Caitlin Neeley</t>
  </si>
  <si>
    <t>Bennett</t>
  </si>
  <si>
    <t>Finley Petit, Hunter Redmon, Sang Shim</t>
  </si>
  <si>
    <t>E-Business</t>
  </si>
  <si>
    <t>Andrew Morita, Eli Rezek, Alex Xu</t>
  </si>
  <si>
    <t>Destiny Williams</t>
  </si>
  <si>
    <t>Alexa Costigan</t>
  </si>
  <si>
    <t>Brandon Nelson, James Waddles</t>
  </si>
  <si>
    <t>Mattia Fiaccadori</t>
  </si>
  <si>
    <t>Barrett Small, Danyah Alsaaid, Izzy Colkitt</t>
  </si>
  <si>
    <t>Maggie Chase, Jordan Parker</t>
  </si>
  <si>
    <t>Guadalupe DeLaCruz, Bailey Harris</t>
  </si>
  <si>
    <t>Josh Valencia, Bethany Horiuchi, Kyla O'Neal</t>
  </si>
  <si>
    <t>Takoda Batterton, Ashlyn Churchwell</t>
  </si>
  <si>
    <t>Economics</t>
  </si>
  <si>
    <t>Constantine Daniels</t>
  </si>
  <si>
    <t>Diana Owen</t>
  </si>
  <si>
    <t>DEREK LI</t>
  </si>
  <si>
    <t>Shrey Seth</t>
  </si>
  <si>
    <t>Melissa Weber</t>
  </si>
  <si>
    <t>Fruita Monument</t>
  </si>
  <si>
    <t>Malia Shen</t>
  </si>
  <si>
    <t>Jordan Edner</t>
  </si>
  <si>
    <t>Doherty</t>
  </si>
  <si>
    <t>Suhaas Narayanan</t>
  </si>
  <si>
    <t>Fort Collins</t>
  </si>
  <si>
    <t>Henry Cafaro</t>
  </si>
  <si>
    <t>EVELYN BODONI</t>
  </si>
  <si>
    <t>Electronic Career Portfolio</t>
  </si>
  <si>
    <t>Willard Zbaeren</t>
  </si>
  <si>
    <t>Sneha Muthe</t>
  </si>
  <si>
    <t>Dawson Knode</t>
  </si>
  <si>
    <t>Chris Wimmer</t>
  </si>
  <si>
    <t>Hannah Park</t>
  </si>
  <si>
    <t>Jack Tanklefsky</t>
  </si>
  <si>
    <t>Jayendra Chauhan</t>
  </si>
  <si>
    <t>Claire Erick</t>
  </si>
  <si>
    <t>Mikayla Gross</t>
  </si>
  <si>
    <t>Madison King</t>
  </si>
  <si>
    <t>Emerging Business Issues</t>
  </si>
  <si>
    <t>Gavin Cook, Sebastian Dragulanescu, Matt McCullough</t>
  </si>
  <si>
    <t>Ariana Elze, Mino Elze</t>
  </si>
  <si>
    <t>Joli Dou, Alanna Jackson, Caelen Burand</t>
  </si>
  <si>
    <t>Pueblo Centennial</t>
  </si>
  <si>
    <t>Caitlen Krause, Molly Neton</t>
  </si>
  <si>
    <t>Junwoo Lee, Emma McCartney, Alyson Ranucci</t>
  </si>
  <si>
    <t>Madisyn Gentry, Francesca(Bella) Urbina</t>
  </si>
  <si>
    <t>Chan Chintaluru, Brendan Flewelling</t>
  </si>
  <si>
    <t>Ella Woods, Claire Brache, Isabella Fernandez-Wagner</t>
  </si>
  <si>
    <t>Gautum Nambiar, Dylan Bott, CJ Braccia</t>
  </si>
  <si>
    <t>Audrey Plechas, Mackenzie Sears, Courtney Thompson</t>
  </si>
  <si>
    <t>Entrepreneurship</t>
  </si>
  <si>
    <t>William Harmon, Jacob Shulman</t>
  </si>
  <si>
    <t>Hannah Tobin, Miranda Glasgow</t>
  </si>
  <si>
    <t>Dustin Trevino, Grant Webster, John Altenhofen</t>
  </si>
  <si>
    <t>Carson Carere</t>
  </si>
  <si>
    <t>Alex Ilic, Arnold Muasa</t>
  </si>
  <si>
    <t>Kevin Bednar, Frank Burnham, Louis Kupersmith</t>
  </si>
  <si>
    <t>Cate Landry, Sydney Kaufman</t>
  </si>
  <si>
    <t>Matt Hickerson, Maya Kobayashi</t>
  </si>
  <si>
    <t>Shreyaan Arora, Etash Kalra, Prajeet Singh</t>
  </si>
  <si>
    <t>Max Carere</t>
  </si>
  <si>
    <t>Future Business Leader</t>
  </si>
  <si>
    <t>Aaliyah Bailey</t>
  </si>
  <si>
    <t>Greeley Central</t>
  </si>
  <si>
    <t>Isabel Ball</t>
  </si>
  <si>
    <t>Adelina DeSantis</t>
  </si>
  <si>
    <t>Frederick</t>
  </si>
  <si>
    <t>Anthony Dreher</t>
  </si>
  <si>
    <t>Mikaela Taylor</t>
  </si>
  <si>
    <t>Bethany Flanagan</t>
  </si>
  <si>
    <t>Weld Central</t>
  </si>
  <si>
    <t>Zander Robinett</t>
  </si>
  <si>
    <t>Ritika Chopra</t>
  </si>
  <si>
    <t>Riane Yost</t>
  </si>
  <si>
    <t>Gaia Murphy</t>
  </si>
  <si>
    <t>Global Business</t>
  </si>
  <si>
    <t>ARI KLOTAS, KIRAN PATT</t>
  </si>
  <si>
    <t>Evan Gravdahl, Quincy Noel</t>
  </si>
  <si>
    <t>Peyton Sewell, Katie McGillicuddy</t>
  </si>
  <si>
    <t>Tammy Li, Jeffrey Hage, Alyssa Martinez</t>
  </si>
  <si>
    <t>Ryan Chapman, Rohit Garimella, Ganesh Koukuntla</t>
  </si>
  <si>
    <t>Palina Narkevich</t>
  </si>
  <si>
    <t>Joshua Jansen-Montoya, Corinne Otterness, Haley Patrick</t>
  </si>
  <si>
    <t>Chase Byers, Calliope Cortright</t>
  </si>
  <si>
    <t>Reese Kelly, Tyler Lilja, Haley Ficker</t>
  </si>
  <si>
    <t>Nidhi Unnikrishnan</t>
  </si>
  <si>
    <t>Graphic Design</t>
  </si>
  <si>
    <t>Taylor Cislo, Giselle McCleerey, Sophie Williams</t>
  </si>
  <si>
    <t>Legend</t>
  </si>
  <si>
    <t>Cassidy Faulhaber, Jenna Hansen, Makenna Nystedt</t>
  </si>
  <si>
    <t>Brooke Stromberger, Kinlie Lewis</t>
  </si>
  <si>
    <t>Lily Davis, Heidi Mattson, Madison Sieber</t>
  </si>
  <si>
    <t>Kade McDaniel, Olivia Thorn</t>
  </si>
  <si>
    <t>Dylan Carpenter, Kaylie Carpenter, Andrew Fieger</t>
  </si>
  <si>
    <t>Alex Grayboyes</t>
  </si>
  <si>
    <t>Kassandra Reyes, Katriel Yeneza, Valeria Monterroso</t>
  </si>
  <si>
    <t>Pagosa Springs</t>
  </si>
  <si>
    <t>Rachel Creighton, Amber Lauck</t>
  </si>
  <si>
    <t>Fort Morgan</t>
  </si>
  <si>
    <t>Camren Morris, Aubrey Richards</t>
  </si>
  <si>
    <t>Health Care Administration</t>
  </si>
  <si>
    <t>Medha Pan</t>
  </si>
  <si>
    <t>Kylie Howell</t>
  </si>
  <si>
    <t>Lauren Fairchild</t>
  </si>
  <si>
    <t>Ouray</t>
  </si>
  <si>
    <t>Prabhnoor Paul</t>
  </si>
  <si>
    <t>Akhil Tadiparthi</t>
  </si>
  <si>
    <t>Haylee Tilley</t>
  </si>
  <si>
    <t>Kyerie Lechman</t>
  </si>
  <si>
    <t>Revere</t>
  </si>
  <si>
    <t>Savana Charlton</t>
  </si>
  <si>
    <t>Gannon Jones</t>
  </si>
  <si>
    <t>Falcon</t>
  </si>
  <si>
    <t>Natalie Liao</t>
  </si>
  <si>
    <t>Help Desk</t>
  </si>
  <si>
    <t>Cyle Goble</t>
  </si>
  <si>
    <t>Davis Truong</t>
  </si>
  <si>
    <t>Vista Peak Preparatory</t>
  </si>
  <si>
    <t>Kyla Davis</t>
  </si>
  <si>
    <t>Dalton Cloninger</t>
  </si>
  <si>
    <t>Corinne Tesoriero</t>
  </si>
  <si>
    <t>Northglenn</t>
  </si>
  <si>
    <t>Brianna Morales</t>
  </si>
  <si>
    <t>Mead</t>
  </si>
  <si>
    <t>Sheridan Reed</t>
  </si>
  <si>
    <t>Danielle Vigil</t>
  </si>
  <si>
    <t>Caitlyn Carsten</t>
  </si>
  <si>
    <t>Logan Fuller</t>
  </si>
  <si>
    <t>Hospitality Management</t>
  </si>
  <si>
    <t>Arya Naik, Jerusa Dhungana, Nitisha Gajavelli</t>
  </si>
  <si>
    <t>Bailey Gibbs, Jim Roedel</t>
  </si>
  <si>
    <t>Fort Lupton</t>
  </si>
  <si>
    <t>Charithasri Doddapaneni, Anjali Kalagiri, Riya Kendai</t>
  </si>
  <si>
    <t>Aaron Rubin, Mitch Rubin, Jacob Klein</t>
  </si>
  <si>
    <t>Cat Nguyen, Charles Schley</t>
  </si>
  <si>
    <t>Emily Kozel, Avery Rogers, Keleigh Salinas</t>
  </si>
  <si>
    <t>Bailey Geisel, Jackson Green</t>
  </si>
  <si>
    <t>Laurie Frazier, Atley Sievers</t>
  </si>
  <si>
    <t>Heritage</t>
  </si>
  <si>
    <t>Eevee Murdock, Louis Jaeckle</t>
  </si>
  <si>
    <t>Nicole Burmester, Sarah Davis</t>
  </si>
  <si>
    <t>Impromptu Speaking</t>
  </si>
  <si>
    <t>Clay Kinnison</t>
  </si>
  <si>
    <t>Pawnee</t>
  </si>
  <si>
    <t>Nathan Scoby</t>
  </si>
  <si>
    <t>Sanavi Pillai</t>
  </si>
  <si>
    <t>Kylee Gomez</t>
  </si>
  <si>
    <t>Antonito</t>
  </si>
  <si>
    <t>Cy Sokolowski</t>
  </si>
  <si>
    <t>Drew Coffin</t>
  </si>
  <si>
    <t>Sarah Wallace</t>
  </si>
  <si>
    <t>Richard Keck</t>
  </si>
  <si>
    <t>Silver Creek</t>
  </si>
  <si>
    <t>ANUSHA VAJRALA</t>
  </si>
  <si>
    <t>Kassandra Shoemaker</t>
  </si>
  <si>
    <t>Insurance &amp; Risk Management</t>
  </si>
  <si>
    <t>Thomas Nguyen</t>
  </si>
  <si>
    <t>Lindsey Johnson</t>
  </si>
  <si>
    <t>Mason Martinez</t>
  </si>
  <si>
    <t>Samuel Duran</t>
  </si>
  <si>
    <t>Lillian Buck</t>
  </si>
  <si>
    <t>Arjun Rajyagor</t>
  </si>
  <si>
    <t>Triston Mendoza-Werner</t>
  </si>
  <si>
    <t>Gabrielle Liles</t>
  </si>
  <si>
    <t>Mason Bond</t>
  </si>
  <si>
    <t>John F. Kennedy</t>
  </si>
  <si>
    <t>Conor McDaniel</t>
  </si>
  <si>
    <t>Intro Business Presentation</t>
  </si>
  <si>
    <t>Jennasea Licata, Monay Licata, Ava Marso</t>
  </si>
  <si>
    <t>EMILY LAI, AADYA PANIGRAHI</t>
  </si>
  <si>
    <t>Rohini Guddeti</t>
  </si>
  <si>
    <t>Shreyaas Arora, Vishal Vunnam</t>
  </si>
  <si>
    <t>Molly Bleichrodt</t>
  </si>
  <si>
    <t>Jabez Abayneh, Kevin Kim</t>
  </si>
  <si>
    <t>Harrison Sears, Valentina Ishchenko, Amelia Temby</t>
  </si>
  <si>
    <t>Storey Balko, Annika Nichols</t>
  </si>
  <si>
    <t>Rosa DaSilva, Kennedy Meyers</t>
  </si>
  <si>
    <t>Margaux Hickman, Riley Ficker</t>
  </si>
  <si>
    <t>Intro to Business Procedures</t>
  </si>
  <si>
    <t>Jack Fox</t>
  </si>
  <si>
    <t>TJ Nicholas</t>
  </si>
  <si>
    <t>Mary Willis</t>
  </si>
  <si>
    <t>Jordyn Tacha</t>
  </si>
  <si>
    <t>Kendyl Jessen</t>
  </si>
  <si>
    <t>Bailey Blochowitz</t>
  </si>
  <si>
    <t>Joshua Thatcher</t>
  </si>
  <si>
    <t>Kamryn Holland</t>
  </si>
  <si>
    <t>Allie Henson</t>
  </si>
  <si>
    <t>Sofia Iliev</t>
  </si>
  <si>
    <t>Intro to Financial Math</t>
  </si>
  <si>
    <t>Chris Albee</t>
  </si>
  <si>
    <t>Estelle Hackos</t>
  </si>
  <si>
    <t>MATTHEW RUI</t>
  </si>
  <si>
    <t>Daisy Grado</t>
  </si>
  <si>
    <t>Brush</t>
  </si>
  <si>
    <t>Ritwik Bhattacharjee</t>
  </si>
  <si>
    <t>Luke Leiden</t>
  </si>
  <si>
    <t>Michael Bemis</t>
  </si>
  <si>
    <t>Justin Sheu</t>
  </si>
  <si>
    <t>Dhruv Nambiar</t>
  </si>
  <si>
    <t>Grace Trahan</t>
  </si>
  <si>
    <t>Introduction to Business</t>
  </si>
  <si>
    <t>Sam Knowlton</t>
  </si>
  <si>
    <t>Nikia Williams</t>
  </si>
  <si>
    <t>Damon Nab</t>
  </si>
  <si>
    <t>Fleming</t>
  </si>
  <si>
    <t>Payton Arbuthnot</t>
  </si>
  <si>
    <t>Springfield</t>
  </si>
  <si>
    <t>Elijah Denison</t>
  </si>
  <si>
    <t>BRIANA CHEN</t>
  </si>
  <si>
    <t>Asher Hebbert</t>
  </si>
  <si>
    <t>KACYN KESSINGER</t>
  </si>
  <si>
    <t>Charles Stude</t>
  </si>
  <si>
    <t>Delaney Sutherland</t>
  </si>
  <si>
    <t>Introduction to Business Communication</t>
  </si>
  <si>
    <t>Jordan Cochran</t>
  </si>
  <si>
    <t>Kaley Pieper</t>
  </si>
  <si>
    <t>Emma Simmons</t>
  </si>
  <si>
    <t>Charles Wang</t>
  </si>
  <si>
    <t>Sylvie Sussman</t>
  </si>
  <si>
    <t>Olivia Clise</t>
  </si>
  <si>
    <t>Mollie Kelley</t>
  </si>
  <si>
    <t>Owen Kurz</t>
  </si>
  <si>
    <t>Nadia Jackson</t>
  </si>
  <si>
    <t>Quinn McKie</t>
  </si>
  <si>
    <t>Introduction to FBLA</t>
  </si>
  <si>
    <t>Madison Felix</t>
  </si>
  <si>
    <t>Ashton Sabo</t>
  </si>
  <si>
    <t>Amber Krehmeyer</t>
  </si>
  <si>
    <t>Aiden Kaufman</t>
  </si>
  <si>
    <t>OWEN MCILWAINE</t>
  </si>
  <si>
    <t>Wences Gallegos-Corral</t>
  </si>
  <si>
    <t>Adams City</t>
  </si>
  <si>
    <t>Sanjana Dugini</t>
  </si>
  <si>
    <t>Jonah Long</t>
  </si>
  <si>
    <t>Kara Lerudis</t>
  </si>
  <si>
    <t>Grady Redding</t>
  </si>
  <si>
    <t>Introduction to Information Technology</t>
  </si>
  <si>
    <t>Justin Dean</t>
  </si>
  <si>
    <t>Ella Heidman Pinker</t>
  </si>
  <si>
    <t>Brooks Rathbun</t>
  </si>
  <si>
    <t>Rachel Appenzeller</t>
  </si>
  <si>
    <t>Tate Dille</t>
  </si>
  <si>
    <t>Ross Brown</t>
  </si>
  <si>
    <t>Randy Ngo</t>
  </si>
  <si>
    <t>Prakash Koukuntla</t>
  </si>
  <si>
    <t>Alexander DuBois</t>
  </si>
  <si>
    <t>Ryan Zhang</t>
  </si>
  <si>
    <t>Introduction to Parliamentary Procedure</t>
  </si>
  <si>
    <t>Hope Hojio</t>
  </si>
  <si>
    <t>Audrey Kaufman</t>
  </si>
  <si>
    <t>Taylor Schram</t>
  </si>
  <si>
    <t>Kelly Parham</t>
  </si>
  <si>
    <t>Varunavi Battula</t>
  </si>
  <si>
    <t>ADARSH KOTLAPATI</t>
  </si>
  <si>
    <t>Amelia Macy</t>
  </si>
  <si>
    <t>Liberty Common</t>
  </si>
  <si>
    <t>Talara Nittler</t>
  </si>
  <si>
    <t>Kim School District</t>
  </si>
  <si>
    <t>Andrew Li</t>
  </si>
  <si>
    <t>Abigail Aurzada</t>
  </si>
  <si>
    <t>Introduction to Public Speaking</t>
  </si>
  <si>
    <t>Lainee Bernhardt</t>
  </si>
  <si>
    <t>Isabel Gaines</t>
  </si>
  <si>
    <t>Erika Wickham</t>
  </si>
  <si>
    <t>Tayla Siminoe</t>
  </si>
  <si>
    <t>Skyler Hawks</t>
  </si>
  <si>
    <t>Brighten Baldwin</t>
  </si>
  <si>
    <t>ARYAN ROY</t>
  </si>
  <si>
    <t>Lydia Travis</t>
  </si>
  <si>
    <t>Lauren Hilley</t>
  </si>
  <si>
    <t>SARA WYLIE</t>
  </si>
  <si>
    <t>Job Interview</t>
  </si>
  <si>
    <t>Mikias Zeleke</t>
  </si>
  <si>
    <t>Ishika Patel</t>
  </si>
  <si>
    <t>Madeleine Dreiling</t>
  </si>
  <si>
    <t>Kylie Dietz</t>
  </si>
  <si>
    <t>Nate Stryker</t>
  </si>
  <si>
    <t>Hadlie Rittgers</t>
  </si>
  <si>
    <t>Ashley Gerczynski</t>
  </si>
  <si>
    <t>Jaren Albrighton</t>
  </si>
  <si>
    <t>Addi Vander Velde</t>
  </si>
  <si>
    <t>Drew Albers</t>
  </si>
  <si>
    <t>Journalism</t>
  </si>
  <si>
    <t>Ashlyn Runge</t>
  </si>
  <si>
    <t>Amelia Simmons</t>
  </si>
  <si>
    <t>Tyler McDonald</t>
  </si>
  <si>
    <t>Nicholas Golavanov</t>
  </si>
  <si>
    <t>Jessica Harvey</t>
  </si>
  <si>
    <t>Anna Bedell</t>
  </si>
  <si>
    <t>Emily Weingardt</t>
  </si>
  <si>
    <t>Isabelle Martinez</t>
  </si>
  <si>
    <t>Caleb Batts</t>
  </si>
  <si>
    <t>Sami Stuart</t>
  </si>
  <si>
    <t>Local Chapter Annual Business Report</t>
  </si>
  <si>
    <t>Delaney Hegger</t>
  </si>
  <si>
    <t>Big Sandy</t>
  </si>
  <si>
    <t>Eliot Farkas, Nathan Kong, Brendan Stiles</t>
  </si>
  <si>
    <t>Olivia Chohan, Danielle Cohen, Rio Hsu</t>
  </si>
  <si>
    <t>Kylie Purkeypile, Ashley Rahe, Alexander Sprague</t>
  </si>
  <si>
    <t>Ashley Mortensen, Avery Palmgren, Kamryn Rogers</t>
  </si>
  <si>
    <t>Dade Gomez</t>
  </si>
  <si>
    <t>Savannah Hebert, Kyla Prugh</t>
  </si>
  <si>
    <t>Jaden Hottinger, Grayson Pachner, Kathleen Pachner</t>
  </si>
  <si>
    <t>Emily Aspey, Ishika Patel, Taylor Rowland</t>
  </si>
  <si>
    <t>Management Decision Making</t>
  </si>
  <si>
    <t>Rachel Patterson, Tyler Reynolds</t>
  </si>
  <si>
    <t>Aleesia Smith</t>
  </si>
  <si>
    <t>Harshith Alete, Sneha Malisetty</t>
  </si>
  <si>
    <t>Isabel Hruby, Kylee Montgomery, Abi Portice</t>
  </si>
  <si>
    <t>Thomas Markham, Zach Montgomery</t>
  </si>
  <si>
    <t>Rebecca Ruwet, Samyukta Vakkalanka</t>
  </si>
  <si>
    <t>Tyler Herz</t>
  </si>
  <si>
    <t>Samuel Hammock, Milan Khosla</t>
  </si>
  <si>
    <t>Jacob Barboa, Tanner Lujan, Angela Na</t>
  </si>
  <si>
    <t>KIRBY BERKE, DAVIS JONES, ABHINAV KAKUMANU</t>
  </si>
  <si>
    <t>Management Information Systems</t>
  </si>
  <si>
    <t>Seth Demetrelis</t>
  </si>
  <si>
    <t>Wyatt Ball, Preston Hernandez, Taylor Spangle</t>
  </si>
  <si>
    <t>Gianna Nicastro, Aryanna Rastogor</t>
  </si>
  <si>
    <t>Troy McCoy</t>
  </si>
  <si>
    <t>Marketing</t>
  </si>
  <si>
    <t>Mitchell Lewis, Nathan Lewis, Javier Marinelarena</t>
  </si>
  <si>
    <t>Mariam Dhunna, Rithika Ginjupalli</t>
  </si>
  <si>
    <t>Jacob Gallegos, Lucas Hein</t>
  </si>
  <si>
    <t>Isabella White</t>
  </si>
  <si>
    <t>Andrew Wood, Ryan Wood</t>
  </si>
  <si>
    <t>Derrius Rahman, Nolan Wright, Alanah Gillison</t>
  </si>
  <si>
    <t>Jenna Silverman, Bryan Sirner</t>
  </si>
  <si>
    <t>Macy Brockamp</t>
  </si>
  <si>
    <t>Rachael Murphy</t>
  </si>
  <si>
    <t>Jenny Lansdon, Sydney Stegeman</t>
  </si>
  <si>
    <t>Mobile Application Development</t>
  </si>
  <si>
    <t>Alakh Patel</t>
  </si>
  <si>
    <t>Sonny Ada, Tai Dixon</t>
  </si>
  <si>
    <t>Arez Khidr, Sreeniketan Kosuri</t>
  </si>
  <si>
    <t>Tyler Lewis, Cole Stanger</t>
  </si>
  <si>
    <t>Elia Gorokhovsky, Saurabh Totey</t>
  </si>
  <si>
    <t>Eliska Martinez, Breighton Miller, Andrew Carpender</t>
  </si>
  <si>
    <t>Network Design</t>
  </si>
  <si>
    <t>Ivan Marin, Brenda Salas, Edgar Tarango</t>
  </si>
  <si>
    <t>Lake County</t>
  </si>
  <si>
    <t>Traevonn Walton, Braydon East, Josh Kokes</t>
  </si>
  <si>
    <t>Marin Head, Keaton Heyneman, Ryan Ediger</t>
  </si>
  <si>
    <t>Braulio Moreno, Ashton Rinow, Josh Willis</t>
  </si>
  <si>
    <t>Jackson Scharf, John Sheflin</t>
  </si>
  <si>
    <t>Kristofer Jones</t>
  </si>
  <si>
    <t>Jordan Rhodes, Ciancio Seth, Albright Orion</t>
  </si>
  <si>
    <t>Abby Lis, Connor Watt</t>
  </si>
  <si>
    <t>Manas Jalihal, Aditya Kelshiker, Amruta Kelshiker</t>
  </si>
  <si>
    <t>Reese Lehman, Dawson Lee, Blake Bishop</t>
  </si>
  <si>
    <t>Networking Concepts</t>
  </si>
  <si>
    <t>Machenzie Struckmeyer</t>
  </si>
  <si>
    <t>Perla Villa</t>
  </si>
  <si>
    <t>Emily Alvarado</t>
  </si>
  <si>
    <t>Atharva Vispute</t>
  </si>
  <si>
    <t>Mercades Gregory</t>
  </si>
  <si>
    <t>Matthew Lofdahl</t>
  </si>
  <si>
    <t>JOHNNY WANG</t>
  </si>
  <si>
    <t>RYAN POWIS</t>
  </si>
  <si>
    <t>Cherokee BenJamin</t>
  </si>
  <si>
    <t>Evan White</t>
  </si>
  <si>
    <t>Organizational Leadership</t>
  </si>
  <si>
    <t>Jessica Vieth</t>
  </si>
  <si>
    <t>Kellen McCoin</t>
  </si>
  <si>
    <t>Abigail Lentz</t>
  </si>
  <si>
    <t>Spencer MacLean</t>
  </si>
  <si>
    <t>Vy Nghe</t>
  </si>
  <si>
    <t>Jalil Rezek</t>
  </si>
  <si>
    <t>Rebekah Heath</t>
  </si>
  <si>
    <t>Grace Basile</t>
  </si>
  <si>
    <t>Azelan Amundson</t>
  </si>
  <si>
    <t>Ava Trahan</t>
  </si>
  <si>
    <t>Parliamentary Procedure</t>
  </si>
  <si>
    <t>Peter Cain, Jack Hansen, Aidan Michael, Henry Howser, Kenneth Jew</t>
  </si>
  <si>
    <t>Adam Jabs, Kaustubh Kaushik, Casey Knutsen, Ashley Steffeck</t>
  </si>
  <si>
    <t>Chloe Church, Destiny Gonzales, Kendal Powell, Evin Vincent, Lexi Walker</t>
  </si>
  <si>
    <t>Lily Helzer, Hunter Ivy, Kyle Ley, Joesph Smith, Amanda Terrell</t>
  </si>
  <si>
    <t>Chloe Coles, Julian Dawkins, Holly Ho, Kayla King, Bailey Pradhan</t>
  </si>
  <si>
    <t>Kyle Klann, Samantha McCaffrey, Nathan Saffer, Reid Strode</t>
  </si>
  <si>
    <t>Jordan Appel, Lilly Chesher, Grace Chow, Ella Larson, Kayla Olness</t>
  </si>
  <si>
    <t>Jolene King, Brandy Ontiveros, Lauren Tagtmeyer, Courtney Thompson</t>
  </si>
  <si>
    <t>Stratton</t>
  </si>
  <si>
    <t>Sophie Park, Sara Reardon, Thomas Reardon, David Saeb</t>
  </si>
  <si>
    <t>Kelton Davis, Emilio Gallegos, Sidney Goode, Victoria Goode, Megan Wait</t>
  </si>
  <si>
    <t>Partnership with Business</t>
  </si>
  <si>
    <t>Mac Lampe, Luca Yeager</t>
  </si>
  <si>
    <t>Dalton Carlson, Kellum Carnahan, Beau Parker</t>
  </si>
  <si>
    <t>Joey Ross, Will Marshall, Lane Remmich</t>
  </si>
  <si>
    <t>BAILEE CLARKSON, Seth Dorrenbacher, Tori Lundquist</t>
  </si>
  <si>
    <t>Rebecca Yanez-Castillo, Alex Higbee</t>
  </si>
  <si>
    <t>Joey Gerk, Elijah Meakins, Braden Anderson</t>
  </si>
  <si>
    <t>Savannah Burris, Kaylee Camblin, Kyra Loutensock</t>
  </si>
  <si>
    <t>Personal Finance</t>
  </si>
  <si>
    <t>Jacob States</t>
  </si>
  <si>
    <t>Allie Repaskey</t>
  </si>
  <si>
    <t>Suyash Bhave</t>
  </si>
  <si>
    <t>MARIA BARUN</t>
  </si>
  <si>
    <t>Isabella Garcia</t>
  </si>
  <si>
    <t>WILLIAM SEIFERT</t>
  </si>
  <si>
    <t>Laura Rauwerdink</t>
  </si>
  <si>
    <t>Connor Buchanon</t>
  </si>
  <si>
    <t>Brandon Marshall</t>
  </si>
  <si>
    <t>Sam Engelbert</t>
  </si>
  <si>
    <t>Political Science</t>
  </si>
  <si>
    <t>Sasha Scott</t>
  </si>
  <si>
    <t>Luca Capaldi</t>
  </si>
  <si>
    <t>Longmont</t>
  </si>
  <si>
    <t>Kit Bellefeuille</t>
  </si>
  <si>
    <t>Elijah Meyers</t>
  </si>
  <si>
    <t>Minjae Kwak</t>
  </si>
  <si>
    <t>Dane Harnisch</t>
  </si>
  <si>
    <t>Rory Busanko</t>
  </si>
  <si>
    <t>James Zheng</t>
  </si>
  <si>
    <t>Cooper Rondinelli</t>
  </si>
  <si>
    <t>EDWIN BODONI</t>
  </si>
  <si>
    <t>Public Service Announcement</t>
  </si>
  <si>
    <t>Neela Ropp</t>
  </si>
  <si>
    <t>Amy Haining</t>
  </si>
  <si>
    <t>Lila Bednar, Aiden Farnlof</t>
  </si>
  <si>
    <t>Elaine Jackowski, Autumn Los</t>
  </si>
  <si>
    <t>James McHenry, Ryan Clinton</t>
  </si>
  <si>
    <t>Keely Holt, Kassy Louie, Taylor Yuan</t>
  </si>
  <si>
    <t>Lily Cunis</t>
  </si>
  <si>
    <t>Sunjoi Gandhi, Alexa Gonzalez</t>
  </si>
  <si>
    <t>Zach Scott</t>
  </si>
  <si>
    <t>Rae Stokes, Katie Warren</t>
  </si>
  <si>
    <t>Public Speaking</t>
  </si>
  <si>
    <t>MARIAM GOPALANI</t>
  </si>
  <si>
    <t>Nyree Christianian</t>
  </si>
  <si>
    <t>Dishita Sharma</t>
  </si>
  <si>
    <t>Mohini Iyer</t>
  </si>
  <si>
    <t>Makenna Artzer</t>
  </si>
  <si>
    <t>Shreya Naik</t>
  </si>
  <si>
    <t>Lois Seese</t>
  </si>
  <si>
    <t>Yalena Medina</t>
  </si>
  <si>
    <t>NICOLE HANKOVSZKY</t>
  </si>
  <si>
    <t>Shoncire Graham</t>
  </si>
  <si>
    <t>Publication Design</t>
  </si>
  <si>
    <t>Marlyn Arellano, Tyler Gonzales</t>
  </si>
  <si>
    <t>Logan Widick, Charity Ray</t>
  </si>
  <si>
    <t>David Glazener, Keshav Nambiar</t>
  </si>
  <si>
    <t>Kelsey Porter, Katie Scofield</t>
  </si>
  <si>
    <t>Rebecca Kennedy, Ethan Ramey</t>
  </si>
  <si>
    <t>Hailey Bender, Sydney Copley, Sara Noll</t>
  </si>
  <si>
    <t>Faisal Abdullah, Beth Dawit</t>
  </si>
  <si>
    <t>Alicia Thompson, Rebecca Roark</t>
  </si>
  <si>
    <t>Eva Spearnak, Lilla Vigh, Xinyu Wu</t>
  </si>
  <si>
    <t>John McCoy, Matthew McCoy, Walker Sparling</t>
  </si>
  <si>
    <t>Sales Presentation</t>
  </si>
  <si>
    <t>Jason Miller</t>
  </si>
  <si>
    <t>Grand Junction</t>
  </si>
  <si>
    <t>Margaret Kroening</t>
  </si>
  <si>
    <t>Guillermo Ramirez</t>
  </si>
  <si>
    <t>Kaleb Powell</t>
  </si>
  <si>
    <t>Fountain Fort Carson</t>
  </si>
  <si>
    <t>Jacob Anderson</t>
  </si>
  <si>
    <t>Zach Fendley</t>
  </si>
  <si>
    <t>Meghan Mai</t>
  </si>
  <si>
    <t>Ryan Saldanha</t>
  </si>
  <si>
    <t>Jack Kerstiens</t>
  </si>
  <si>
    <t>Brianna Burkett</t>
  </si>
  <si>
    <t>Securities Investments</t>
  </si>
  <si>
    <t>ARYAN MULGAOKAR</t>
  </si>
  <si>
    <t>Jaydon Richardson</t>
  </si>
  <si>
    <t>Lauren Rutherford</t>
  </si>
  <si>
    <t>Saurav Behera</t>
  </si>
  <si>
    <t>Justin Shure</t>
  </si>
  <si>
    <t>Anant Gupta</t>
  </si>
  <si>
    <t>Oscar Serrano</t>
  </si>
  <si>
    <t>David Hirschhorn</t>
  </si>
  <si>
    <t>IVAN SIDOROV</t>
  </si>
  <si>
    <t>Tejas Patil</t>
  </si>
  <si>
    <t>Social Media Campaign</t>
  </si>
  <si>
    <t>Raegan Gerk, Trista Hernandez, Haylee Marick</t>
  </si>
  <si>
    <t>Sophie Hayes, Emma Marino</t>
  </si>
  <si>
    <t>Euna An, Ashley Judson</t>
  </si>
  <si>
    <t>Amanda Moots, Alyssa Sindall</t>
  </si>
  <si>
    <t>Liberty Bonin, Cameron Lucero</t>
  </si>
  <si>
    <t>Hannah Basler, Emma Copeland</t>
  </si>
  <si>
    <t>Neliya Nyirenda, Esther Eikins</t>
  </si>
  <si>
    <t>Cadence Adams, Ashton Haddock, Hailey Houtsma</t>
  </si>
  <si>
    <t>Rory Stark, Natalie Ware, Eva Grenawalt</t>
  </si>
  <si>
    <t>Sam Camper, Sarah Camper, Elena Gavigan</t>
  </si>
  <si>
    <t>Sports &amp; Entertainment Management</t>
  </si>
  <si>
    <t>Jay Patel, Evan Richardson</t>
  </si>
  <si>
    <t>Zachary Clark, Nolan Johnson</t>
  </si>
  <si>
    <t>Sydney Day, Erika Debenham</t>
  </si>
  <si>
    <t>Palmer Ridge</t>
  </si>
  <si>
    <t>Cameron Frantz, Niquole Knapp</t>
  </si>
  <si>
    <t>Logan Yeager</t>
  </si>
  <si>
    <t>JORDAN BLUM, JOHN SOUTHALL</t>
  </si>
  <si>
    <t>Luc Filion, Jack McKinstry</t>
  </si>
  <si>
    <t>Hannah Harris, Mariko Pallarito</t>
  </si>
  <si>
    <t>Andrew Hageman, Trent Ramirez, Zachary Stahlhut</t>
  </si>
  <si>
    <t>Dylan Jones, Adil Khan</t>
  </si>
  <si>
    <t>Spreadsheet Applications</t>
  </si>
  <si>
    <t>Nai'a Bautista-Carranza</t>
  </si>
  <si>
    <t>Levi Kipp</t>
  </si>
  <si>
    <t>Jason Hernandez</t>
  </si>
  <si>
    <t>Addie Bright</t>
  </si>
  <si>
    <t>Xinxin Liu</t>
  </si>
  <si>
    <t>Joshua Gumber</t>
  </si>
  <si>
    <t>Naomi Kiess</t>
  </si>
  <si>
    <t>Tyler Connelly</t>
  </si>
  <si>
    <t>Gabriel Proctor</t>
  </si>
  <si>
    <t>Jayden Osborne</t>
  </si>
  <si>
    <t>Website Design</t>
  </si>
  <si>
    <t>Haley Ralston, Alexia Reyes</t>
  </si>
  <si>
    <t>Toan Lu</t>
  </si>
  <si>
    <t>Britta Maher, Justin Myer</t>
  </si>
  <si>
    <t>REnee Morlan, Hailee Ramirez, Mary Sanchez</t>
  </si>
  <si>
    <t>Taylor Colosimo, Amez Khidr</t>
  </si>
  <si>
    <t>Christine Attai, Jake Boase, Noah Burge</t>
  </si>
  <si>
    <t>Navaeh Becker, Clayton Funkhouser, Emerald Lester</t>
  </si>
  <si>
    <t>Diana Christiansen, Olivia Siebels</t>
  </si>
  <si>
    <t>Rebecca Knoche</t>
  </si>
  <si>
    <t>Kendall Gustafson, Zachary Liley</t>
  </si>
  <si>
    <t>Word Processing</t>
  </si>
  <si>
    <t>Kathleen Pachner</t>
  </si>
  <si>
    <t>Porscha Jacobs</t>
  </si>
  <si>
    <t>Alicia Lest</t>
  </si>
  <si>
    <t>Pueblo Central</t>
  </si>
  <si>
    <t>Makenzie Rogers</t>
  </si>
  <si>
    <t>Lindsey Brown</t>
  </si>
  <si>
    <t>Jennifer Bopp</t>
  </si>
  <si>
    <t>Avery Walter</t>
  </si>
  <si>
    <t>Kaitlyn Smith</t>
  </si>
  <si>
    <t>Kenzie Grauberger</t>
  </si>
  <si>
    <t>Danielle Pruett</t>
  </si>
  <si>
    <t>Names</t>
  </si>
  <si>
    <t>STEM School Highlands Ranch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1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7">
    <xf numFmtId="0" fontId="0" fillId="0" borderId="0" xfId="0"/>
    <xf numFmtId="0" fontId="16" fillId="0" borderId="0" xfId="0" applyFont="1"/>
    <xf numFmtId="0" fontId="0" fillId="0" borderId="0" xfId="0" applyAlignment="1">
      <alignment horizontal="center"/>
    </xf>
    <xf numFmtId="0" fontId="16" fillId="0" borderId="10" xfId="0" applyFont="1" applyBorder="1"/>
    <xf numFmtId="0" fontId="16" fillId="0" borderId="10" xfId="0" applyFont="1" applyBorder="1" applyAlignment="1">
      <alignment horizontal="center"/>
    </xf>
    <xf numFmtId="0" fontId="0" fillId="0" borderId="10" xfId="0" applyBorder="1"/>
    <xf numFmtId="0" fontId="0" fillId="0" borderId="10" xfId="0" applyBorder="1" applyAlignment="1">
      <alignment horizontal="center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D674"/>
  <sheetViews>
    <sheetView tabSelected="1" topLeftCell="A51" workbookViewId="0">
      <selection activeCell="C58" sqref="C58"/>
    </sheetView>
  </sheetViews>
  <sheetFormatPr defaultRowHeight="15" x14ac:dyDescent="0.25"/>
  <cols>
    <col min="1" max="1" width="40.5703125" bestFit="1" customWidth="1"/>
    <col min="2" max="2" width="5.7109375" style="2" bestFit="1" customWidth="1"/>
    <col min="3" max="3" width="67.7109375" bestFit="1" customWidth="1"/>
    <col min="4" max="4" width="25.85546875" bestFit="1" customWidth="1"/>
  </cols>
  <sheetData>
    <row r="1" spans="1:4" s="1" customFormat="1" x14ac:dyDescent="0.25">
      <c r="A1" s="3" t="s">
        <v>0</v>
      </c>
      <c r="B1" s="4" t="s">
        <v>1</v>
      </c>
      <c r="C1" s="3" t="s">
        <v>869</v>
      </c>
      <c r="D1" s="3" t="s">
        <v>2</v>
      </c>
    </row>
    <row r="2" spans="1:4" x14ac:dyDescent="0.25">
      <c r="A2" s="5" t="s">
        <v>3</v>
      </c>
      <c r="B2" s="6">
        <v>1</v>
      </c>
      <c r="C2" s="5" t="s">
        <v>21</v>
      </c>
      <c r="D2" s="5" t="s">
        <v>22</v>
      </c>
    </row>
    <row r="3" spans="1:4" x14ac:dyDescent="0.25">
      <c r="A3" s="5" t="s">
        <v>3</v>
      </c>
      <c r="B3" s="6">
        <v>2</v>
      </c>
      <c r="C3" s="5" t="s">
        <v>19</v>
      </c>
      <c r="D3" s="5" t="s">
        <v>20</v>
      </c>
    </row>
    <row r="4" spans="1:4" x14ac:dyDescent="0.25">
      <c r="A4" s="5" t="s">
        <v>3</v>
      </c>
      <c r="B4" s="6">
        <v>3</v>
      </c>
      <c r="C4" s="5" t="s">
        <v>17</v>
      </c>
      <c r="D4" s="5" t="s">
        <v>18</v>
      </c>
    </row>
    <row r="5" spans="1:4" x14ac:dyDescent="0.25">
      <c r="A5" s="5" t="s">
        <v>3</v>
      </c>
      <c r="B5" s="6">
        <v>4</v>
      </c>
      <c r="C5" s="5" t="s">
        <v>15</v>
      </c>
      <c r="D5" s="5" t="s">
        <v>16</v>
      </c>
    </row>
    <row r="6" spans="1:4" x14ac:dyDescent="0.25">
      <c r="A6" s="5" t="s">
        <v>3</v>
      </c>
      <c r="B6" s="6">
        <v>5</v>
      </c>
      <c r="C6" s="5" t="s">
        <v>14</v>
      </c>
      <c r="D6" s="5" t="s">
        <v>5</v>
      </c>
    </row>
    <row r="7" spans="1:4" x14ac:dyDescent="0.25">
      <c r="A7" s="5" t="s">
        <v>3</v>
      </c>
      <c r="B7" s="6">
        <v>6</v>
      </c>
      <c r="C7" s="5" t="s">
        <v>12</v>
      </c>
      <c r="D7" s="5" t="s">
        <v>13</v>
      </c>
    </row>
    <row r="8" spans="1:4" x14ac:dyDescent="0.25">
      <c r="A8" s="5" t="s">
        <v>3</v>
      </c>
      <c r="B8" s="6">
        <v>7</v>
      </c>
      <c r="C8" s="5" t="s">
        <v>10</v>
      </c>
      <c r="D8" s="5" t="s">
        <v>11</v>
      </c>
    </row>
    <row r="9" spans="1:4" x14ac:dyDescent="0.25">
      <c r="A9" s="5" t="s">
        <v>3</v>
      </c>
      <c r="B9" s="6">
        <v>8</v>
      </c>
      <c r="C9" s="5" t="s">
        <v>8</v>
      </c>
      <c r="D9" s="5" t="s">
        <v>9</v>
      </c>
    </row>
    <row r="10" spans="1:4" x14ac:dyDescent="0.25">
      <c r="A10" s="5" t="s">
        <v>3</v>
      </c>
      <c r="B10" s="6">
        <v>9</v>
      </c>
      <c r="C10" s="5" t="s">
        <v>6</v>
      </c>
      <c r="D10" s="5" t="s">
        <v>7</v>
      </c>
    </row>
    <row r="11" spans="1:4" x14ac:dyDescent="0.25">
      <c r="A11" s="5" t="s">
        <v>3</v>
      </c>
      <c r="B11" s="6">
        <v>10</v>
      </c>
      <c r="C11" s="5" t="s">
        <v>4</v>
      </c>
      <c r="D11" s="5" t="s">
        <v>5</v>
      </c>
    </row>
    <row r="12" spans="1:4" x14ac:dyDescent="0.25">
      <c r="A12" s="5" t="s">
        <v>23</v>
      </c>
      <c r="B12" s="6">
        <v>1</v>
      </c>
      <c r="C12" s="5" t="s">
        <v>41</v>
      </c>
      <c r="D12" s="5" t="s">
        <v>42</v>
      </c>
    </row>
    <row r="13" spans="1:4" x14ac:dyDescent="0.25">
      <c r="A13" s="5" t="s">
        <v>23</v>
      </c>
      <c r="B13" s="6">
        <v>2</v>
      </c>
      <c r="C13" s="5" t="s">
        <v>39</v>
      </c>
      <c r="D13" s="5" t="s">
        <v>40</v>
      </c>
    </row>
    <row r="14" spans="1:4" x14ac:dyDescent="0.25">
      <c r="A14" s="5" t="s">
        <v>23</v>
      </c>
      <c r="B14" s="6">
        <v>3</v>
      </c>
      <c r="C14" s="5" t="s">
        <v>37</v>
      </c>
      <c r="D14" s="5" t="s">
        <v>38</v>
      </c>
    </row>
    <row r="15" spans="1:4" x14ac:dyDescent="0.25">
      <c r="A15" s="5" t="s">
        <v>23</v>
      </c>
      <c r="B15" s="6">
        <v>4</v>
      </c>
      <c r="C15" s="5" t="s">
        <v>35</v>
      </c>
      <c r="D15" s="5" t="s">
        <v>36</v>
      </c>
    </row>
    <row r="16" spans="1:4" x14ac:dyDescent="0.25">
      <c r="A16" s="5" t="s">
        <v>23</v>
      </c>
      <c r="B16" s="6">
        <v>5</v>
      </c>
      <c r="C16" s="5" t="s">
        <v>33</v>
      </c>
      <c r="D16" s="5" t="s">
        <v>34</v>
      </c>
    </row>
    <row r="17" spans="1:4" x14ac:dyDescent="0.25">
      <c r="A17" s="5" t="s">
        <v>23</v>
      </c>
      <c r="B17" s="6">
        <v>6</v>
      </c>
      <c r="C17" s="5" t="s">
        <v>31</v>
      </c>
      <c r="D17" s="5" t="s">
        <v>32</v>
      </c>
    </row>
    <row r="18" spans="1:4" x14ac:dyDescent="0.25">
      <c r="A18" s="5" t="s">
        <v>23</v>
      </c>
      <c r="B18" s="6">
        <v>7</v>
      </c>
      <c r="C18" s="5" t="s">
        <v>30</v>
      </c>
      <c r="D18" s="5" t="s">
        <v>25</v>
      </c>
    </row>
    <row r="19" spans="1:4" x14ac:dyDescent="0.25">
      <c r="A19" s="5" t="s">
        <v>23</v>
      </c>
      <c r="B19" s="6">
        <v>8</v>
      </c>
      <c r="C19" s="5" t="s">
        <v>28</v>
      </c>
      <c r="D19" s="5" t="s">
        <v>29</v>
      </c>
    </row>
    <row r="20" spans="1:4" x14ac:dyDescent="0.25">
      <c r="A20" s="5" t="s">
        <v>23</v>
      </c>
      <c r="B20" s="6">
        <v>9</v>
      </c>
      <c r="C20" s="5" t="s">
        <v>26</v>
      </c>
      <c r="D20" s="5" t="s">
        <v>27</v>
      </c>
    </row>
    <row r="21" spans="1:4" x14ac:dyDescent="0.25">
      <c r="A21" s="5" t="s">
        <v>23</v>
      </c>
      <c r="B21" s="6">
        <v>10</v>
      </c>
      <c r="C21" s="5" t="s">
        <v>24</v>
      </c>
      <c r="D21" s="5" t="s">
        <v>25</v>
      </c>
    </row>
    <row r="22" spans="1:4" x14ac:dyDescent="0.25">
      <c r="A22" s="5" t="s">
        <v>43</v>
      </c>
      <c r="B22" s="6">
        <v>1</v>
      </c>
      <c r="C22" s="5" t="s">
        <v>58</v>
      </c>
      <c r="D22" s="5" t="s">
        <v>59</v>
      </c>
    </row>
    <row r="23" spans="1:4" x14ac:dyDescent="0.25">
      <c r="A23" s="5" t="s">
        <v>43</v>
      </c>
      <c r="B23" s="6">
        <v>2</v>
      </c>
      <c r="C23" s="5" t="s">
        <v>56</v>
      </c>
      <c r="D23" s="5" t="s">
        <v>57</v>
      </c>
    </row>
    <row r="24" spans="1:4" x14ac:dyDescent="0.25">
      <c r="A24" s="5" t="s">
        <v>43</v>
      </c>
      <c r="B24" s="6">
        <v>3</v>
      </c>
      <c r="C24" s="5" t="s">
        <v>54</v>
      </c>
      <c r="D24" s="5" t="s">
        <v>55</v>
      </c>
    </row>
    <row r="25" spans="1:4" x14ac:dyDescent="0.25">
      <c r="A25" s="5" t="s">
        <v>43</v>
      </c>
      <c r="B25" s="6">
        <v>4</v>
      </c>
      <c r="C25" s="5" t="s">
        <v>52</v>
      </c>
      <c r="D25" s="5" t="s">
        <v>53</v>
      </c>
    </row>
    <row r="26" spans="1:4" x14ac:dyDescent="0.25">
      <c r="A26" s="5" t="s">
        <v>43</v>
      </c>
      <c r="B26" s="6">
        <v>5</v>
      </c>
      <c r="C26" s="5" t="s">
        <v>51</v>
      </c>
      <c r="D26" s="5" t="s">
        <v>40</v>
      </c>
    </row>
    <row r="27" spans="1:4" x14ac:dyDescent="0.25">
      <c r="A27" s="5" t="s">
        <v>43</v>
      </c>
      <c r="B27" s="6">
        <v>6</v>
      </c>
      <c r="C27" s="5" t="s">
        <v>50</v>
      </c>
      <c r="D27" s="5" t="s">
        <v>40</v>
      </c>
    </row>
    <row r="28" spans="1:4" x14ac:dyDescent="0.25">
      <c r="A28" s="5" t="s">
        <v>43</v>
      </c>
      <c r="B28" s="6">
        <v>7</v>
      </c>
      <c r="C28" s="5" t="s">
        <v>48</v>
      </c>
      <c r="D28" s="5" t="s">
        <v>49</v>
      </c>
    </row>
    <row r="29" spans="1:4" x14ac:dyDescent="0.25">
      <c r="A29" s="5" t="s">
        <v>43</v>
      </c>
      <c r="B29" s="6">
        <v>8</v>
      </c>
      <c r="C29" s="5" t="s">
        <v>47</v>
      </c>
      <c r="D29" s="5" t="s">
        <v>46</v>
      </c>
    </row>
    <row r="30" spans="1:4" x14ac:dyDescent="0.25">
      <c r="A30" s="5" t="s">
        <v>43</v>
      </c>
      <c r="B30" s="6">
        <v>9</v>
      </c>
      <c r="C30" s="5" t="s">
        <v>45</v>
      </c>
      <c r="D30" s="5" t="s">
        <v>46</v>
      </c>
    </row>
    <row r="31" spans="1:4" x14ac:dyDescent="0.25">
      <c r="A31" s="5" t="s">
        <v>43</v>
      </c>
      <c r="B31" s="6">
        <v>10</v>
      </c>
      <c r="C31" s="5" t="s">
        <v>44</v>
      </c>
      <c r="D31" s="5" t="s">
        <v>40</v>
      </c>
    </row>
    <row r="32" spans="1:4" x14ac:dyDescent="0.25">
      <c r="A32" s="5" t="s">
        <v>60</v>
      </c>
      <c r="B32" s="6">
        <v>1</v>
      </c>
      <c r="C32" s="5" t="s">
        <v>75</v>
      </c>
      <c r="D32" s="5" t="s">
        <v>76</v>
      </c>
    </row>
    <row r="33" spans="1:4" x14ac:dyDescent="0.25">
      <c r="A33" s="5" t="s">
        <v>60</v>
      </c>
      <c r="B33" s="6">
        <v>2</v>
      </c>
      <c r="C33" s="5" t="s">
        <v>73</v>
      </c>
      <c r="D33" s="5" t="s">
        <v>74</v>
      </c>
    </row>
    <row r="34" spans="1:4" x14ac:dyDescent="0.25">
      <c r="A34" s="5" t="s">
        <v>60</v>
      </c>
      <c r="B34" s="6">
        <v>3</v>
      </c>
      <c r="C34" s="5" t="s">
        <v>72</v>
      </c>
      <c r="D34" s="5" t="s">
        <v>7</v>
      </c>
    </row>
    <row r="35" spans="1:4" x14ac:dyDescent="0.25">
      <c r="A35" s="5" t="s">
        <v>60</v>
      </c>
      <c r="B35" s="6">
        <v>4</v>
      </c>
      <c r="C35" s="5" t="s">
        <v>70</v>
      </c>
      <c r="D35" s="5" t="s">
        <v>71</v>
      </c>
    </row>
    <row r="36" spans="1:4" x14ac:dyDescent="0.25">
      <c r="A36" s="5" t="s">
        <v>60</v>
      </c>
      <c r="B36" s="6">
        <v>5</v>
      </c>
      <c r="C36" s="5" t="s">
        <v>69</v>
      </c>
      <c r="D36" s="5" t="s">
        <v>40</v>
      </c>
    </row>
    <row r="37" spans="1:4" x14ac:dyDescent="0.25">
      <c r="A37" s="5" t="s">
        <v>60</v>
      </c>
      <c r="B37" s="6">
        <v>6</v>
      </c>
      <c r="C37" s="5" t="s">
        <v>68</v>
      </c>
      <c r="D37" s="5" t="s">
        <v>16</v>
      </c>
    </row>
    <row r="38" spans="1:4" x14ac:dyDescent="0.25">
      <c r="A38" s="5" t="s">
        <v>60</v>
      </c>
      <c r="B38" s="6">
        <v>7</v>
      </c>
      <c r="C38" s="5" t="s">
        <v>66</v>
      </c>
      <c r="D38" s="5" t="s">
        <v>67</v>
      </c>
    </row>
    <row r="39" spans="1:4" x14ac:dyDescent="0.25">
      <c r="A39" s="5" t="s">
        <v>60</v>
      </c>
      <c r="B39" s="6">
        <v>8</v>
      </c>
      <c r="C39" s="5" t="s">
        <v>65</v>
      </c>
      <c r="D39" s="5" t="s">
        <v>34</v>
      </c>
    </row>
    <row r="40" spans="1:4" x14ac:dyDescent="0.25">
      <c r="A40" s="5" t="s">
        <v>60</v>
      </c>
      <c r="B40" s="6">
        <v>9</v>
      </c>
      <c r="C40" s="5" t="s">
        <v>63</v>
      </c>
      <c r="D40" s="5" t="s">
        <v>64</v>
      </c>
    </row>
    <row r="41" spans="1:4" x14ac:dyDescent="0.25">
      <c r="A41" s="5" t="s">
        <v>60</v>
      </c>
      <c r="B41" s="6">
        <v>10</v>
      </c>
      <c r="C41" s="5" t="s">
        <v>61</v>
      </c>
      <c r="D41" s="5" t="s">
        <v>62</v>
      </c>
    </row>
    <row r="42" spans="1:4" x14ac:dyDescent="0.25">
      <c r="A42" s="5" t="s">
        <v>77</v>
      </c>
      <c r="B42" s="6">
        <v>1</v>
      </c>
      <c r="C42" s="5" t="s">
        <v>92</v>
      </c>
      <c r="D42" s="5" t="s">
        <v>93</v>
      </c>
    </row>
    <row r="43" spans="1:4" x14ac:dyDescent="0.25">
      <c r="A43" s="5" t="s">
        <v>77</v>
      </c>
      <c r="B43" s="6">
        <v>2</v>
      </c>
      <c r="C43" s="5" t="s">
        <v>90</v>
      </c>
      <c r="D43" s="5" t="s">
        <v>91</v>
      </c>
    </row>
    <row r="44" spans="1:4" x14ac:dyDescent="0.25">
      <c r="A44" s="5" t="s">
        <v>77</v>
      </c>
      <c r="B44" s="6">
        <v>3</v>
      </c>
      <c r="C44" s="5" t="s">
        <v>88</v>
      </c>
      <c r="D44" s="5" t="s">
        <v>89</v>
      </c>
    </row>
    <row r="45" spans="1:4" x14ac:dyDescent="0.25">
      <c r="A45" s="5" t="s">
        <v>77</v>
      </c>
      <c r="B45" s="6">
        <v>4</v>
      </c>
      <c r="C45" s="5" t="s">
        <v>86</v>
      </c>
      <c r="D45" s="5" t="s">
        <v>87</v>
      </c>
    </row>
    <row r="46" spans="1:4" x14ac:dyDescent="0.25">
      <c r="A46" s="5" t="s">
        <v>77</v>
      </c>
      <c r="B46" s="6">
        <v>5</v>
      </c>
      <c r="C46" s="5" t="s">
        <v>85</v>
      </c>
      <c r="D46" s="5" t="s">
        <v>38</v>
      </c>
    </row>
    <row r="47" spans="1:4" x14ac:dyDescent="0.25">
      <c r="A47" s="5" t="s">
        <v>77</v>
      </c>
      <c r="B47" s="6">
        <v>6</v>
      </c>
      <c r="C47" s="5" t="s">
        <v>84</v>
      </c>
      <c r="D47" s="5" t="s">
        <v>16</v>
      </c>
    </row>
    <row r="48" spans="1:4" x14ac:dyDescent="0.25">
      <c r="A48" s="5" t="s">
        <v>77</v>
      </c>
      <c r="B48" s="6">
        <v>7</v>
      </c>
      <c r="C48" s="5" t="s">
        <v>83</v>
      </c>
      <c r="D48" s="5" t="s">
        <v>13</v>
      </c>
    </row>
    <row r="49" spans="1:4" x14ac:dyDescent="0.25">
      <c r="A49" s="5" t="s">
        <v>77</v>
      </c>
      <c r="B49" s="6">
        <v>8</v>
      </c>
      <c r="C49" s="5" t="s">
        <v>81</v>
      </c>
      <c r="D49" s="5" t="s">
        <v>82</v>
      </c>
    </row>
    <row r="50" spans="1:4" x14ac:dyDescent="0.25">
      <c r="A50" s="5" t="s">
        <v>77</v>
      </c>
      <c r="B50" s="6">
        <v>9</v>
      </c>
      <c r="C50" s="5" t="s">
        <v>79</v>
      </c>
      <c r="D50" s="5" t="s">
        <v>80</v>
      </c>
    </row>
    <row r="51" spans="1:4" x14ac:dyDescent="0.25">
      <c r="A51" s="5" t="s">
        <v>77</v>
      </c>
      <c r="B51" s="6">
        <v>10</v>
      </c>
      <c r="C51" s="5" t="s">
        <v>78</v>
      </c>
      <c r="D51" s="5" t="s">
        <v>9</v>
      </c>
    </row>
    <row r="52" spans="1:4" x14ac:dyDescent="0.25">
      <c r="A52" s="5" t="s">
        <v>94</v>
      </c>
      <c r="B52" s="6">
        <v>1</v>
      </c>
      <c r="C52" s="5" t="s">
        <v>107</v>
      </c>
      <c r="D52" s="5" t="s">
        <v>108</v>
      </c>
    </row>
    <row r="53" spans="1:4" x14ac:dyDescent="0.25">
      <c r="A53" s="5" t="s">
        <v>94</v>
      </c>
      <c r="B53" s="6">
        <v>2</v>
      </c>
      <c r="C53" s="5" t="s">
        <v>106</v>
      </c>
      <c r="D53" s="5" t="s">
        <v>82</v>
      </c>
    </row>
    <row r="54" spans="1:4" x14ac:dyDescent="0.25">
      <c r="A54" s="5" t="s">
        <v>94</v>
      </c>
      <c r="B54" s="6">
        <v>3</v>
      </c>
      <c r="C54" s="5" t="s">
        <v>105</v>
      </c>
      <c r="D54" s="5" t="s">
        <v>32</v>
      </c>
    </row>
    <row r="55" spans="1:4" x14ac:dyDescent="0.25">
      <c r="A55" s="5" t="s">
        <v>94</v>
      </c>
      <c r="B55" s="6">
        <v>4</v>
      </c>
      <c r="C55" s="5" t="s">
        <v>103</v>
      </c>
      <c r="D55" s="5" t="s">
        <v>104</v>
      </c>
    </row>
    <row r="56" spans="1:4" x14ac:dyDescent="0.25">
      <c r="A56" s="5" t="s">
        <v>94</v>
      </c>
      <c r="B56" s="6">
        <v>5</v>
      </c>
      <c r="C56" s="5" t="s">
        <v>102</v>
      </c>
      <c r="D56" s="5" t="s">
        <v>16</v>
      </c>
    </row>
    <row r="57" spans="1:4" x14ac:dyDescent="0.25">
      <c r="A57" s="5" t="s">
        <v>94</v>
      </c>
      <c r="B57" s="6">
        <v>6</v>
      </c>
      <c r="C57" s="5" t="s">
        <v>101</v>
      </c>
      <c r="D57" s="5" t="s">
        <v>9</v>
      </c>
    </row>
    <row r="58" spans="1:4" x14ac:dyDescent="0.25">
      <c r="A58" s="5" t="s">
        <v>94</v>
      </c>
      <c r="B58" s="6">
        <v>7</v>
      </c>
      <c r="C58" s="5" t="s">
        <v>99</v>
      </c>
      <c r="D58" s="5" t="s">
        <v>100</v>
      </c>
    </row>
    <row r="59" spans="1:4" x14ac:dyDescent="0.25">
      <c r="A59" s="5" t="s">
        <v>94</v>
      </c>
      <c r="B59" s="6">
        <v>8</v>
      </c>
      <c r="C59" s="5" t="s">
        <v>97</v>
      </c>
      <c r="D59" s="5" t="s">
        <v>98</v>
      </c>
    </row>
    <row r="60" spans="1:4" x14ac:dyDescent="0.25">
      <c r="A60" s="5" t="s">
        <v>94</v>
      </c>
      <c r="B60" s="6">
        <v>9</v>
      </c>
      <c r="C60" s="5" t="s">
        <v>95</v>
      </c>
      <c r="D60" s="5" t="s">
        <v>96</v>
      </c>
    </row>
    <row r="61" spans="1:4" x14ac:dyDescent="0.25">
      <c r="A61" s="5" t="s">
        <v>109</v>
      </c>
      <c r="B61" s="6">
        <v>1</v>
      </c>
      <c r="C61" s="5" t="s">
        <v>125</v>
      </c>
      <c r="D61" s="5" t="s">
        <v>126</v>
      </c>
    </row>
    <row r="62" spans="1:4" x14ac:dyDescent="0.25">
      <c r="A62" s="5" t="s">
        <v>109</v>
      </c>
      <c r="B62" s="6">
        <v>2</v>
      </c>
      <c r="C62" s="5" t="s">
        <v>123</v>
      </c>
      <c r="D62" s="5" t="s">
        <v>124</v>
      </c>
    </row>
    <row r="63" spans="1:4" x14ac:dyDescent="0.25">
      <c r="A63" s="5" t="s">
        <v>109</v>
      </c>
      <c r="B63" s="6">
        <v>3</v>
      </c>
      <c r="C63" s="5" t="s">
        <v>122</v>
      </c>
      <c r="D63" s="5" t="s">
        <v>870</v>
      </c>
    </row>
    <row r="64" spans="1:4" x14ac:dyDescent="0.25">
      <c r="A64" s="5" t="s">
        <v>109</v>
      </c>
      <c r="B64" s="6">
        <v>4</v>
      </c>
      <c r="C64" s="5" t="s">
        <v>120</v>
      </c>
      <c r="D64" s="5" t="s">
        <v>121</v>
      </c>
    </row>
    <row r="65" spans="1:4" x14ac:dyDescent="0.25">
      <c r="A65" s="5" t="s">
        <v>109</v>
      </c>
      <c r="B65" s="6">
        <v>5</v>
      </c>
      <c r="C65" s="5" t="s">
        <v>118</v>
      </c>
      <c r="D65" s="5" t="s">
        <v>119</v>
      </c>
    </row>
    <row r="66" spans="1:4" x14ac:dyDescent="0.25">
      <c r="A66" s="5" t="s">
        <v>109</v>
      </c>
      <c r="B66" s="6">
        <v>6</v>
      </c>
      <c r="C66" s="5" t="s">
        <v>117</v>
      </c>
      <c r="D66" s="5" t="s">
        <v>40</v>
      </c>
    </row>
    <row r="67" spans="1:4" x14ac:dyDescent="0.25">
      <c r="A67" s="5" t="s">
        <v>109</v>
      </c>
      <c r="B67" s="6">
        <v>7</v>
      </c>
      <c r="C67" s="5" t="s">
        <v>115</v>
      </c>
      <c r="D67" s="5" t="s">
        <v>116</v>
      </c>
    </row>
    <row r="68" spans="1:4" x14ac:dyDescent="0.25">
      <c r="A68" s="5" t="s">
        <v>109</v>
      </c>
      <c r="B68" s="6">
        <v>8</v>
      </c>
      <c r="C68" s="5" t="s">
        <v>114</v>
      </c>
      <c r="D68" s="5" t="s">
        <v>11</v>
      </c>
    </row>
    <row r="69" spans="1:4" x14ac:dyDescent="0.25">
      <c r="A69" s="5" t="s">
        <v>109</v>
      </c>
      <c r="B69" s="6">
        <v>9</v>
      </c>
      <c r="C69" s="5" t="s">
        <v>112</v>
      </c>
      <c r="D69" s="5" t="s">
        <v>113</v>
      </c>
    </row>
    <row r="70" spans="1:4" x14ac:dyDescent="0.25">
      <c r="A70" s="5" t="s">
        <v>109</v>
      </c>
      <c r="B70" s="6">
        <v>10</v>
      </c>
      <c r="C70" s="5" t="s">
        <v>110</v>
      </c>
      <c r="D70" s="5" t="s">
        <v>111</v>
      </c>
    </row>
    <row r="71" spans="1:4" x14ac:dyDescent="0.25">
      <c r="A71" s="5" t="s">
        <v>127</v>
      </c>
      <c r="B71" s="6">
        <v>1</v>
      </c>
      <c r="C71" s="5" t="s">
        <v>142</v>
      </c>
      <c r="D71" s="5" t="s">
        <v>36</v>
      </c>
    </row>
    <row r="72" spans="1:4" x14ac:dyDescent="0.25">
      <c r="A72" s="5" t="s">
        <v>127</v>
      </c>
      <c r="B72" s="6">
        <v>2</v>
      </c>
      <c r="C72" s="5" t="s">
        <v>140</v>
      </c>
      <c r="D72" s="5" t="s">
        <v>141</v>
      </c>
    </row>
    <row r="73" spans="1:4" x14ac:dyDescent="0.25">
      <c r="A73" s="5" t="s">
        <v>127</v>
      </c>
      <c r="B73" s="6">
        <v>3</v>
      </c>
      <c r="C73" s="5" t="s">
        <v>139</v>
      </c>
      <c r="D73" s="5" t="s">
        <v>104</v>
      </c>
    </row>
    <row r="74" spans="1:4" x14ac:dyDescent="0.25">
      <c r="A74" s="5" t="s">
        <v>127</v>
      </c>
      <c r="B74" s="6">
        <v>4</v>
      </c>
      <c r="C74" s="5" t="s">
        <v>138</v>
      </c>
      <c r="D74" s="5" t="s">
        <v>38</v>
      </c>
    </row>
    <row r="75" spans="1:4" x14ac:dyDescent="0.25">
      <c r="A75" s="5" t="s">
        <v>127</v>
      </c>
      <c r="B75" s="6">
        <v>5</v>
      </c>
      <c r="C75" s="5" t="s">
        <v>137</v>
      </c>
      <c r="D75" s="5" t="s">
        <v>136</v>
      </c>
    </row>
    <row r="76" spans="1:4" x14ac:dyDescent="0.25">
      <c r="A76" s="5" t="s">
        <v>127</v>
      </c>
      <c r="B76" s="6">
        <v>6</v>
      </c>
      <c r="C76" s="5" t="s">
        <v>135</v>
      </c>
      <c r="D76" s="5" t="s">
        <v>136</v>
      </c>
    </row>
    <row r="77" spans="1:4" x14ac:dyDescent="0.25">
      <c r="A77" s="5" t="s">
        <v>127</v>
      </c>
      <c r="B77" s="6">
        <v>7</v>
      </c>
      <c r="C77" s="5" t="s">
        <v>133</v>
      </c>
      <c r="D77" s="5" t="s">
        <v>134</v>
      </c>
    </row>
    <row r="78" spans="1:4" x14ac:dyDescent="0.25">
      <c r="A78" s="5" t="s">
        <v>127</v>
      </c>
      <c r="B78" s="6">
        <v>8</v>
      </c>
      <c r="C78" s="5" t="s">
        <v>132</v>
      </c>
      <c r="D78" s="5" t="s">
        <v>55</v>
      </c>
    </row>
    <row r="79" spans="1:4" x14ac:dyDescent="0.25">
      <c r="A79" s="5" t="s">
        <v>127</v>
      </c>
      <c r="B79" s="6">
        <v>9</v>
      </c>
      <c r="C79" s="5" t="s">
        <v>130</v>
      </c>
      <c r="D79" s="5" t="s">
        <v>131</v>
      </c>
    </row>
    <row r="80" spans="1:4" x14ac:dyDescent="0.25">
      <c r="A80" s="5" t="s">
        <v>127</v>
      </c>
      <c r="B80" s="6">
        <v>10</v>
      </c>
      <c r="C80" s="5" t="s">
        <v>128</v>
      </c>
      <c r="D80" s="5" t="s">
        <v>129</v>
      </c>
    </row>
    <row r="81" spans="1:4" x14ac:dyDescent="0.25">
      <c r="A81" s="5" t="s">
        <v>143</v>
      </c>
      <c r="B81" s="6">
        <v>1</v>
      </c>
      <c r="C81" s="5" t="s">
        <v>153</v>
      </c>
      <c r="D81" s="5" t="s">
        <v>38</v>
      </c>
    </row>
    <row r="82" spans="1:4" x14ac:dyDescent="0.25">
      <c r="A82" s="5" t="s">
        <v>143</v>
      </c>
      <c r="B82" s="6">
        <v>2</v>
      </c>
      <c r="C82" s="5" t="s">
        <v>152</v>
      </c>
      <c r="D82" s="5" t="s">
        <v>100</v>
      </c>
    </row>
    <row r="83" spans="1:4" x14ac:dyDescent="0.25">
      <c r="A83" s="5" t="s">
        <v>143</v>
      </c>
      <c r="B83" s="6">
        <v>3</v>
      </c>
      <c r="C83" s="5" t="s">
        <v>151</v>
      </c>
      <c r="D83" s="5" t="s">
        <v>53</v>
      </c>
    </row>
    <row r="84" spans="1:4" x14ac:dyDescent="0.25">
      <c r="A84" s="5" t="s">
        <v>143</v>
      </c>
      <c r="B84" s="6">
        <v>4</v>
      </c>
      <c r="C84" s="5" t="s">
        <v>150</v>
      </c>
      <c r="D84" s="5" t="s">
        <v>38</v>
      </c>
    </row>
    <row r="85" spans="1:4" x14ac:dyDescent="0.25">
      <c r="A85" s="5" t="s">
        <v>143</v>
      </c>
      <c r="B85" s="6">
        <v>5</v>
      </c>
      <c r="C85" s="5" t="s">
        <v>149</v>
      </c>
      <c r="D85" s="5" t="s">
        <v>38</v>
      </c>
    </row>
    <row r="86" spans="1:4" x14ac:dyDescent="0.25">
      <c r="A86" s="5" t="s">
        <v>143</v>
      </c>
      <c r="B86" s="6">
        <v>6</v>
      </c>
      <c r="C86" s="5" t="s">
        <v>148</v>
      </c>
      <c r="D86" s="5" t="s">
        <v>119</v>
      </c>
    </row>
    <row r="87" spans="1:4" x14ac:dyDescent="0.25">
      <c r="A87" s="5" t="s">
        <v>143</v>
      </c>
      <c r="B87" s="6">
        <v>7</v>
      </c>
      <c r="C87" s="5" t="s">
        <v>147</v>
      </c>
      <c r="D87" s="5" t="s">
        <v>131</v>
      </c>
    </row>
    <row r="88" spans="1:4" x14ac:dyDescent="0.25">
      <c r="A88" s="5" t="s">
        <v>143</v>
      </c>
      <c r="B88" s="6">
        <v>8</v>
      </c>
      <c r="C88" s="5" t="s">
        <v>146</v>
      </c>
      <c r="D88" s="5" t="s">
        <v>131</v>
      </c>
    </row>
    <row r="89" spans="1:4" x14ac:dyDescent="0.25">
      <c r="A89" s="5" t="s">
        <v>143</v>
      </c>
      <c r="B89" s="6">
        <v>9</v>
      </c>
      <c r="C89" s="5" t="s">
        <v>145</v>
      </c>
      <c r="D89" s="5" t="s">
        <v>76</v>
      </c>
    </row>
    <row r="90" spans="1:4" x14ac:dyDescent="0.25">
      <c r="A90" s="5" t="s">
        <v>143</v>
      </c>
      <c r="B90" s="6">
        <v>10</v>
      </c>
      <c r="C90" s="5" t="s">
        <v>144</v>
      </c>
      <c r="D90" s="5" t="s">
        <v>76</v>
      </c>
    </row>
    <row r="91" spans="1:4" x14ac:dyDescent="0.25">
      <c r="A91" s="5" t="s">
        <v>154</v>
      </c>
      <c r="B91" s="6">
        <v>1</v>
      </c>
      <c r="C91" s="5" t="s">
        <v>166</v>
      </c>
      <c r="D91" s="5" t="s">
        <v>136</v>
      </c>
    </row>
    <row r="92" spans="1:4" x14ac:dyDescent="0.25">
      <c r="A92" s="5" t="s">
        <v>154</v>
      </c>
      <c r="B92" s="6">
        <v>2</v>
      </c>
      <c r="C92" s="5" t="s">
        <v>165</v>
      </c>
      <c r="D92" s="5" t="s">
        <v>38</v>
      </c>
    </row>
    <row r="93" spans="1:4" x14ac:dyDescent="0.25">
      <c r="A93" s="5" t="s">
        <v>154</v>
      </c>
      <c r="B93" s="6">
        <v>3</v>
      </c>
      <c r="C93" s="5" t="s">
        <v>163</v>
      </c>
      <c r="D93" s="5" t="s">
        <v>164</v>
      </c>
    </row>
    <row r="94" spans="1:4" x14ac:dyDescent="0.25">
      <c r="A94" s="5" t="s">
        <v>154</v>
      </c>
      <c r="B94" s="6">
        <v>4</v>
      </c>
      <c r="C94" s="5" t="s">
        <v>162</v>
      </c>
      <c r="D94" s="5" t="s">
        <v>42</v>
      </c>
    </row>
    <row r="95" spans="1:4" x14ac:dyDescent="0.25">
      <c r="A95" s="5" t="s">
        <v>154</v>
      </c>
      <c r="B95" s="6">
        <v>5</v>
      </c>
      <c r="C95" s="5" t="s">
        <v>161</v>
      </c>
      <c r="D95" s="5" t="s">
        <v>116</v>
      </c>
    </row>
    <row r="96" spans="1:4" x14ac:dyDescent="0.25">
      <c r="A96" s="5" t="s">
        <v>154</v>
      </c>
      <c r="B96" s="6">
        <v>6</v>
      </c>
      <c r="C96" s="5" t="s">
        <v>160</v>
      </c>
      <c r="D96" s="5" t="s">
        <v>42</v>
      </c>
    </row>
    <row r="97" spans="1:4" x14ac:dyDescent="0.25">
      <c r="A97" s="5" t="s">
        <v>154</v>
      </c>
      <c r="B97" s="6">
        <v>7</v>
      </c>
      <c r="C97" s="5" t="s">
        <v>159</v>
      </c>
      <c r="D97" s="5" t="s">
        <v>80</v>
      </c>
    </row>
    <row r="98" spans="1:4" x14ac:dyDescent="0.25">
      <c r="A98" s="5" t="s">
        <v>154</v>
      </c>
      <c r="B98" s="6">
        <v>8</v>
      </c>
      <c r="C98" s="5" t="s">
        <v>158</v>
      </c>
      <c r="D98" s="5" t="s">
        <v>40</v>
      </c>
    </row>
    <row r="99" spans="1:4" x14ac:dyDescent="0.25">
      <c r="A99" s="5" t="s">
        <v>154</v>
      </c>
      <c r="B99" s="6">
        <v>9</v>
      </c>
      <c r="C99" s="5" t="s">
        <v>156</v>
      </c>
      <c r="D99" s="5" t="s">
        <v>157</v>
      </c>
    </row>
    <row r="100" spans="1:4" x14ac:dyDescent="0.25">
      <c r="A100" s="5" t="s">
        <v>154</v>
      </c>
      <c r="B100" s="6">
        <v>10</v>
      </c>
      <c r="C100" s="5" t="s">
        <v>155</v>
      </c>
      <c r="D100" s="5" t="s">
        <v>40</v>
      </c>
    </row>
    <row r="101" spans="1:4" x14ac:dyDescent="0.25">
      <c r="A101" s="5" t="s">
        <v>167</v>
      </c>
      <c r="B101" s="6">
        <v>1</v>
      </c>
      <c r="C101" s="5" t="s">
        <v>180</v>
      </c>
      <c r="D101" s="5" t="s">
        <v>76</v>
      </c>
    </row>
    <row r="102" spans="1:4" x14ac:dyDescent="0.25">
      <c r="A102" s="5" t="s">
        <v>167</v>
      </c>
      <c r="B102" s="6">
        <v>2</v>
      </c>
      <c r="C102" s="5" t="s">
        <v>179</v>
      </c>
      <c r="D102" s="5" t="s">
        <v>38</v>
      </c>
    </row>
    <row r="103" spans="1:4" x14ac:dyDescent="0.25">
      <c r="A103" s="5" t="s">
        <v>167</v>
      </c>
      <c r="B103" s="6">
        <v>3</v>
      </c>
      <c r="C103" s="5" t="s">
        <v>177</v>
      </c>
      <c r="D103" s="5" t="s">
        <v>178</v>
      </c>
    </row>
    <row r="104" spans="1:4" x14ac:dyDescent="0.25">
      <c r="A104" s="5" t="s">
        <v>167</v>
      </c>
      <c r="B104" s="6">
        <v>4</v>
      </c>
      <c r="C104" s="5" t="s">
        <v>175</v>
      </c>
      <c r="D104" s="5" t="s">
        <v>176</v>
      </c>
    </row>
    <row r="105" spans="1:4" x14ac:dyDescent="0.25">
      <c r="A105" s="5" t="s">
        <v>167</v>
      </c>
      <c r="B105" s="6">
        <v>5</v>
      </c>
      <c r="C105" s="5" t="s">
        <v>174</v>
      </c>
      <c r="D105" s="5" t="s">
        <v>13</v>
      </c>
    </row>
    <row r="106" spans="1:4" x14ac:dyDescent="0.25">
      <c r="A106" s="5" t="s">
        <v>167</v>
      </c>
      <c r="B106" s="6">
        <v>6</v>
      </c>
      <c r="C106" s="5" t="s">
        <v>173</v>
      </c>
      <c r="D106" s="5" t="s">
        <v>98</v>
      </c>
    </row>
    <row r="107" spans="1:4" x14ac:dyDescent="0.25">
      <c r="A107" s="5" t="s">
        <v>167</v>
      </c>
      <c r="B107" s="6">
        <v>7</v>
      </c>
      <c r="C107" s="5" t="s">
        <v>171</v>
      </c>
      <c r="D107" s="5" t="s">
        <v>172</v>
      </c>
    </row>
    <row r="108" spans="1:4" x14ac:dyDescent="0.25">
      <c r="A108" s="5" t="s">
        <v>167</v>
      </c>
      <c r="B108" s="6">
        <v>8</v>
      </c>
      <c r="C108" s="5" t="s">
        <v>170</v>
      </c>
      <c r="D108" s="5" t="s">
        <v>74</v>
      </c>
    </row>
    <row r="109" spans="1:4" x14ac:dyDescent="0.25">
      <c r="A109" s="5" t="s">
        <v>167</v>
      </c>
      <c r="B109" s="6">
        <v>9</v>
      </c>
      <c r="C109" s="5" t="s">
        <v>169</v>
      </c>
      <c r="D109" s="5" t="s">
        <v>53</v>
      </c>
    </row>
    <row r="110" spans="1:4" x14ac:dyDescent="0.25">
      <c r="A110" s="5" t="s">
        <v>167</v>
      </c>
      <c r="B110" s="6">
        <v>10</v>
      </c>
      <c r="C110" s="5" t="s">
        <v>168</v>
      </c>
      <c r="D110" s="5" t="s">
        <v>18</v>
      </c>
    </row>
    <row r="111" spans="1:4" x14ac:dyDescent="0.25">
      <c r="A111" s="5" t="s">
        <v>181</v>
      </c>
      <c r="B111" s="6">
        <v>1</v>
      </c>
      <c r="C111" s="5" t="s">
        <v>192</v>
      </c>
      <c r="D111" s="5" t="s">
        <v>62</v>
      </c>
    </row>
    <row r="112" spans="1:4" x14ac:dyDescent="0.25">
      <c r="A112" s="5" t="s">
        <v>181</v>
      </c>
      <c r="B112" s="6">
        <v>2</v>
      </c>
      <c r="C112" s="5" t="s">
        <v>191</v>
      </c>
      <c r="D112" s="5" t="s">
        <v>62</v>
      </c>
    </row>
    <row r="113" spans="1:4" x14ac:dyDescent="0.25">
      <c r="A113" s="5" t="s">
        <v>181</v>
      </c>
      <c r="B113" s="6">
        <v>3</v>
      </c>
      <c r="C113" s="5" t="s">
        <v>190</v>
      </c>
      <c r="D113" s="5" t="s">
        <v>16</v>
      </c>
    </row>
    <row r="114" spans="1:4" x14ac:dyDescent="0.25">
      <c r="A114" s="5" t="s">
        <v>181</v>
      </c>
      <c r="B114" s="6">
        <v>4</v>
      </c>
      <c r="C114" s="5" t="s">
        <v>188</v>
      </c>
      <c r="D114" s="5" t="s">
        <v>189</v>
      </c>
    </row>
    <row r="115" spans="1:4" x14ac:dyDescent="0.25">
      <c r="A115" s="5" t="s">
        <v>181</v>
      </c>
      <c r="B115" s="6">
        <v>5</v>
      </c>
      <c r="C115" s="5" t="s">
        <v>187</v>
      </c>
      <c r="D115" s="5" t="s">
        <v>62</v>
      </c>
    </row>
    <row r="116" spans="1:4" x14ac:dyDescent="0.25">
      <c r="A116" s="5" t="s">
        <v>181</v>
      </c>
      <c r="B116" s="6">
        <v>6</v>
      </c>
      <c r="C116" s="5" t="s">
        <v>186</v>
      </c>
      <c r="D116" s="5" t="s">
        <v>16</v>
      </c>
    </row>
    <row r="117" spans="1:4" x14ac:dyDescent="0.25">
      <c r="A117" s="5" t="s">
        <v>181</v>
      </c>
      <c r="B117" s="6">
        <v>7</v>
      </c>
      <c r="C117" s="5" t="s">
        <v>185</v>
      </c>
      <c r="D117" s="5" t="s">
        <v>157</v>
      </c>
    </row>
    <row r="118" spans="1:4" x14ac:dyDescent="0.25">
      <c r="A118" s="5" t="s">
        <v>181</v>
      </c>
      <c r="B118" s="6">
        <v>8</v>
      </c>
      <c r="C118" s="5" t="s">
        <v>184</v>
      </c>
      <c r="D118" s="5" t="s">
        <v>76</v>
      </c>
    </row>
    <row r="119" spans="1:4" x14ac:dyDescent="0.25">
      <c r="A119" s="5" t="s">
        <v>181</v>
      </c>
      <c r="B119" s="6">
        <v>9</v>
      </c>
      <c r="C119" s="5" t="s">
        <v>183</v>
      </c>
      <c r="D119" s="5" t="s">
        <v>157</v>
      </c>
    </row>
    <row r="120" spans="1:4" x14ac:dyDescent="0.25">
      <c r="A120" s="5" t="s">
        <v>181</v>
      </c>
      <c r="B120" s="6">
        <v>10</v>
      </c>
      <c r="C120" s="5" t="s">
        <v>182</v>
      </c>
      <c r="D120" s="5" t="s">
        <v>136</v>
      </c>
    </row>
    <row r="121" spans="1:4" x14ac:dyDescent="0.25">
      <c r="A121" s="5" t="s">
        <v>193</v>
      </c>
      <c r="B121" s="6">
        <v>1</v>
      </c>
      <c r="C121" s="5" t="s">
        <v>207</v>
      </c>
      <c r="D121" s="5" t="s">
        <v>208</v>
      </c>
    </row>
    <row r="122" spans="1:4" x14ac:dyDescent="0.25">
      <c r="A122" s="5" t="s">
        <v>193</v>
      </c>
      <c r="B122" s="6">
        <v>2</v>
      </c>
      <c r="C122" s="5" t="s">
        <v>206</v>
      </c>
      <c r="D122" s="5" t="s">
        <v>131</v>
      </c>
    </row>
    <row r="123" spans="1:4" x14ac:dyDescent="0.25">
      <c r="A123" s="5" t="s">
        <v>193</v>
      </c>
      <c r="B123" s="6">
        <v>3</v>
      </c>
      <c r="C123" s="5" t="s">
        <v>205</v>
      </c>
      <c r="D123" s="5" t="s">
        <v>198</v>
      </c>
    </row>
    <row r="124" spans="1:4" x14ac:dyDescent="0.25">
      <c r="A124" s="5" t="s">
        <v>193</v>
      </c>
      <c r="B124" s="6">
        <v>4</v>
      </c>
      <c r="C124" s="5" t="s">
        <v>203</v>
      </c>
      <c r="D124" s="5" t="s">
        <v>204</v>
      </c>
    </row>
    <row r="125" spans="1:4" x14ac:dyDescent="0.25">
      <c r="A125" s="5" t="s">
        <v>193</v>
      </c>
      <c r="B125" s="6">
        <v>5</v>
      </c>
      <c r="C125" s="5" t="s">
        <v>202</v>
      </c>
      <c r="D125" s="5" t="s">
        <v>131</v>
      </c>
    </row>
    <row r="126" spans="1:4" x14ac:dyDescent="0.25">
      <c r="A126" s="5" t="s">
        <v>193</v>
      </c>
      <c r="B126" s="6">
        <v>6</v>
      </c>
      <c r="C126" s="5" t="s">
        <v>200</v>
      </c>
      <c r="D126" s="5" t="s">
        <v>201</v>
      </c>
    </row>
    <row r="127" spans="1:4" x14ac:dyDescent="0.25">
      <c r="A127" s="5" t="s">
        <v>193</v>
      </c>
      <c r="B127" s="6">
        <v>7</v>
      </c>
      <c r="C127" s="5" t="s">
        <v>199</v>
      </c>
      <c r="D127" s="5" t="s">
        <v>74</v>
      </c>
    </row>
    <row r="128" spans="1:4" x14ac:dyDescent="0.25">
      <c r="A128" s="5" t="s">
        <v>193</v>
      </c>
      <c r="B128" s="6">
        <v>8</v>
      </c>
      <c r="C128" s="5" t="s">
        <v>197</v>
      </c>
      <c r="D128" s="5" t="s">
        <v>198</v>
      </c>
    </row>
    <row r="129" spans="1:4" x14ac:dyDescent="0.25">
      <c r="A129" s="5" t="s">
        <v>193</v>
      </c>
      <c r="B129" s="6">
        <v>9</v>
      </c>
      <c r="C129" s="5" t="s">
        <v>195</v>
      </c>
      <c r="D129" s="5" t="s">
        <v>196</v>
      </c>
    </row>
    <row r="130" spans="1:4" x14ac:dyDescent="0.25">
      <c r="A130" s="5" t="s">
        <v>193</v>
      </c>
      <c r="B130" s="6">
        <v>10</v>
      </c>
      <c r="C130" s="5" t="s">
        <v>194</v>
      </c>
      <c r="D130" s="5" t="s">
        <v>98</v>
      </c>
    </row>
    <row r="131" spans="1:4" x14ac:dyDescent="0.25">
      <c r="A131" s="5" t="s">
        <v>209</v>
      </c>
      <c r="B131" s="6">
        <v>1</v>
      </c>
      <c r="C131" s="5" t="s">
        <v>222</v>
      </c>
      <c r="D131" s="5" t="s">
        <v>157</v>
      </c>
    </row>
    <row r="132" spans="1:4" x14ac:dyDescent="0.25">
      <c r="A132" s="5" t="s">
        <v>209</v>
      </c>
      <c r="B132" s="6">
        <v>2</v>
      </c>
      <c r="C132" s="5" t="s">
        <v>221</v>
      </c>
      <c r="D132" s="5" t="s">
        <v>76</v>
      </c>
    </row>
    <row r="133" spans="1:4" x14ac:dyDescent="0.25">
      <c r="A133" s="5" t="s">
        <v>209</v>
      </c>
      <c r="B133" s="6">
        <v>3</v>
      </c>
      <c r="C133" s="5" t="s">
        <v>220</v>
      </c>
      <c r="D133" s="5" t="s">
        <v>136</v>
      </c>
    </row>
    <row r="134" spans="1:4" x14ac:dyDescent="0.25">
      <c r="A134" s="5" t="s">
        <v>209</v>
      </c>
      <c r="B134" s="6">
        <v>4</v>
      </c>
      <c r="C134" s="5" t="s">
        <v>219</v>
      </c>
      <c r="D134" s="5" t="s">
        <v>16</v>
      </c>
    </row>
    <row r="135" spans="1:4" x14ac:dyDescent="0.25">
      <c r="A135" s="5" t="s">
        <v>209</v>
      </c>
      <c r="B135" s="6">
        <v>5</v>
      </c>
      <c r="C135" s="5" t="s">
        <v>217</v>
      </c>
      <c r="D135" s="5" t="s">
        <v>218</v>
      </c>
    </row>
    <row r="136" spans="1:4" x14ac:dyDescent="0.25">
      <c r="A136" s="5" t="s">
        <v>209</v>
      </c>
      <c r="B136" s="6">
        <v>6</v>
      </c>
      <c r="C136" s="5" t="s">
        <v>216</v>
      </c>
      <c r="D136" s="5" t="s">
        <v>11</v>
      </c>
    </row>
    <row r="137" spans="1:4" x14ac:dyDescent="0.25">
      <c r="A137" s="5" t="s">
        <v>209</v>
      </c>
      <c r="B137" s="6">
        <v>7</v>
      </c>
      <c r="C137" s="5" t="s">
        <v>215</v>
      </c>
      <c r="D137" s="5" t="s">
        <v>49</v>
      </c>
    </row>
    <row r="138" spans="1:4" x14ac:dyDescent="0.25">
      <c r="A138" s="5" t="s">
        <v>209</v>
      </c>
      <c r="B138" s="6">
        <v>8</v>
      </c>
      <c r="C138" s="5" t="s">
        <v>213</v>
      </c>
      <c r="D138" s="5" t="s">
        <v>214</v>
      </c>
    </row>
    <row r="139" spans="1:4" x14ac:dyDescent="0.25">
      <c r="A139" s="5" t="s">
        <v>209</v>
      </c>
      <c r="B139" s="6">
        <v>9</v>
      </c>
      <c r="C139" s="5" t="s">
        <v>212</v>
      </c>
      <c r="D139" s="5" t="s">
        <v>189</v>
      </c>
    </row>
    <row r="140" spans="1:4" x14ac:dyDescent="0.25">
      <c r="A140" s="5" t="s">
        <v>209</v>
      </c>
      <c r="B140" s="6">
        <v>10</v>
      </c>
      <c r="C140" s="5" t="s">
        <v>210</v>
      </c>
      <c r="D140" s="5" t="s">
        <v>211</v>
      </c>
    </row>
    <row r="141" spans="1:4" x14ac:dyDescent="0.25">
      <c r="A141" s="5" t="s">
        <v>223</v>
      </c>
      <c r="B141" s="6">
        <v>1</v>
      </c>
      <c r="C141" s="5" t="s">
        <v>236</v>
      </c>
      <c r="D141" s="5" t="s">
        <v>7</v>
      </c>
    </row>
    <row r="142" spans="1:4" x14ac:dyDescent="0.25">
      <c r="A142" s="5" t="s">
        <v>223</v>
      </c>
      <c r="B142" s="6">
        <v>2</v>
      </c>
      <c r="C142" s="5" t="s">
        <v>235</v>
      </c>
      <c r="D142" s="5" t="s">
        <v>157</v>
      </c>
    </row>
    <row r="143" spans="1:4" x14ac:dyDescent="0.25">
      <c r="A143" s="5" t="s">
        <v>223</v>
      </c>
      <c r="B143" s="6">
        <v>3</v>
      </c>
      <c r="C143" s="5" t="s">
        <v>233</v>
      </c>
      <c r="D143" s="5" t="s">
        <v>234</v>
      </c>
    </row>
    <row r="144" spans="1:4" x14ac:dyDescent="0.25">
      <c r="A144" s="5" t="s">
        <v>223</v>
      </c>
      <c r="B144" s="6">
        <v>4</v>
      </c>
      <c r="C144" s="5" t="s">
        <v>232</v>
      </c>
      <c r="D144" s="5" t="s">
        <v>87</v>
      </c>
    </row>
    <row r="145" spans="1:4" x14ac:dyDescent="0.25">
      <c r="A145" s="5" t="s">
        <v>223</v>
      </c>
      <c r="B145" s="6">
        <v>5</v>
      </c>
      <c r="C145" s="5" t="s">
        <v>231</v>
      </c>
      <c r="D145" s="5" t="s">
        <v>121</v>
      </c>
    </row>
    <row r="146" spans="1:4" x14ac:dyDescent="0.25">
      <c r="A146" s="5" t="s">
        <v>223</v>
      </c>
      <c r="B146" s="6">
        <v>6</v>
      </c>
      <c r="C146" s="5" t="s">
        <v>230</v>
      </c>
      <c r="D146" s="5" t="s">
        <v>87</v>
      </c>
    </row>
    <row r="147" spans="1:4" x14ac:dyDescent="0.25">
      <c r="A147" s="5" t="s">
        <v>223</v>
      </c>
      <c r="B147" s="6">
        <v>7</v>
      </c>
      <c r="C147" s="5" t="s">
        <v>228</v>
      </c>
      <c r="D147" s="5" t="s">
        <v>229</v>
      </c>
    </row>
    <row r="148" spans="1:4" x14ac:dyDescent="0.25">
      <c r="A148" s="5" t="s">
        <v>223</v>
      </c>
      <c r="B148" s="6">
        <v>8</v>
      </c>
      <c r="C148" s="5" t="s">
        <v>227</v>
      </c>
      <c r="D148" s="5" t="s">
        <v>164</v>
      </c>
    </row>
    <row r="149" spans="1:4" x14ac:dyDescent="0.25">
      <c r="A149" s="5" t="s">
        <v>223</v>
      </c>
      <c r="B149" s="6">
        <v>9</v>
      </c>
      <c r="C149" s="5" t="s">
        <v>225</v>
      </c>
      <c r="D149" s="5" t="s">
        <v>226</v>
      </c>
    </row>
    <row r="150" spans="1:4" x14ac:dyDescent="0.25">
      <c r="A150" s="5" t="s">
        <v>223</v>
      </c>
      <c r="B150" s="6">
        <v>10</v>
      </c>
      <c r="C150" s="5" t="s">
        <v>224</v>
      </c>
      <c r="D150" s="5" t="s">
        <v>42</v>
      </c>
    </row>
    <row r="151" spans="1:4" x14ac:dyDescent="0.25">
      <c r="A151" s="5" t="s">
        <v>237</v>
      </c>
      <c r="B151" s="6">
        <v>1</v>
      </c>
      <c r="C151" s="5" t="s">
        <v>246</v>
      </c>
      <c r="D151" s="5" t="s">
        <v>243</v>
      </c>
    </row>
    <row r="152" spans="1:4" x14ac:dyDescent="0.25">
      <c r="A152" s="5" t="s">
        <v>237</v>
      </c>
      <c r="B152" s="6">
        <v>2</v>
      </c>
      <c r="C152" s="5" t="s">
        <v>245</v>
      </c>
      <c r="D152" s="5" t="s">
        <v>131</v>
      </c>
    </row>
    <row r="153" spans="1:4" x14ac:dyDescent="0.25">
      <c r="A153" s="5" t="s">
        <v>237</v>
      </c>
      <c r="B153" s="6">
        <v>3</v>
      </c>
      <c r="C153" s="5" t="s">
        <v>244</v>
      </c>
      <c r="D153" s="5" t="s">
        <v>201</v>
      </c>
    </row>
    <row r="154" spans="1:4" x14ac:dyDescent="0.25">
      <c r="A154" s="5" t="s">
        <v>237</v>
      </c>
      <c r="B154" s="6">
        <v>4</v>
      </c>
      <c r="C154" s="5" t="s">
        <v>242</v>
      </c>
      <c r="D154" s="5" t="s">
        <v>243</v>
      </c>
    </row>
    <row r="155" spans="1:4" x14ac:dyDescent="0.25">
      <c r="A155" s="5" t="s">
        <v>237</v>
      </c>
      <c r="B155" s="6">
        <v>5</v>
      </c>
      <c r="C155" s="5" t="s">
        <v>241</v>
      </c>
      <c r="D155" s="5" t="s">
        <v>136</v>
      </c>
    </row>
    <row r="156" spans="1:4" x14ac:dyDescent="0.25">
      <c r="A156" s="5" t="s">
        <v>237</v>
      </c>
      <c r="B156" s="6">
        <v>6</v>
      </c>
      <c r="C156" s="5" t="s">
        <v>240</v>
      </c>
      <c r="D156" s="5" t="s">
        <v>189</v>
      </c>
    </row>
    <row r="157" spans="1:4" x14ac:dyDescent="0.25">
      <c r="A157" s="5" t="s">
        <v>237</v>
      </c>
      <c r="B157" s="6">
        <v>7</v>
      </c>
      <c r="C157" s="5" t="s">
        <v>238</v>
      </c>
      <c r="D157" s="5" t="s">
        <v>239</v>
      </c>
    </row>
    <row r="158" spans="1:4" x14ac:dyDescent="0.25">
      <c r="A158" s="5" t="s">
        <v>247</v>
      </c>
      <c r="B158" s="6">
        <v>1</v>
      </c>
      <c r="C158" s="5" t="s">
        <v>257</v>
      </c>
      <c r="D158" s="5" t="s">
        <v>82</v>
      </c>
    </row>
    <row r="159" spans="1:4" x14ac:dyDescent="0.25">
      <c r="A159" s="5" t="s">
        <v>247</v>
      </c>
      <c r="B159" s="6">
        <v>2</v>
      </c>
      <c r="C159" s="5" t="s">
        <v>256</v>
      </c>
      <c r="D159" s="5" t="s">
        <v>9</v>
      </c>
    </row>
    <row r="160" spans="1:4" x14ac:dyDescent="0.25">
      <c r="A160" s="5" t="s">
        <v>247</v>
      </c>
      <c r="B160" s="6">
        <v>3</v>
      </c>
      <c r="C160" s="5" t="s">
        <v>255</v>
      </c>
      <c r="D160" s="5" t="s">
        <v>93</v>
      </c>
    </row>
    <row r="161" spans="1:4" x14ac:dyDescent="0.25">
      <c r="A161" s="5" t="s">
        <v>247</v>
      </c>
      <c r="B161" s="6">
        <v>4</v>
      </c>
      <c r="C161" s="5" t="s">
        <v>254</v>
      </c>
      <c r="D161" s="5" t="s">
        <v>87</v>
      </c>
    </row>
    <row r="162" spans="1:4" x14ac:dyDescent="0.25">
      <c r="A162" s="5" t="s">
        <v>247</v>
      </c>
      <c r="B162" s="6">
        <v>5</v>
      </c>
      <c r="C162" s="5" t="s">
        <v>253</v>
      </c>
      <c r="D162" s="5" t="s">
        <v>116</v>
      </c>
    </row>
    <row r="163" spans="1:4" x14ac:dyDescent="0.25">
      <c r="A163" s="5" t="s">
        <v>247</v>
      </c>
      <c r="B163" s="6">
        <v>6</v>
      </c>
      <c r="C163" s="5" t="s">
        <v>252</v>
      </c>
      <c r="D163" s="5" t="s">
        <v>53</v>
      </c>
    </row>
    <row r="164" spans="1:4" x14ac:dyDescent="0.25">
      <c r="A164" s="5" t="s">
        <v>247</v>
      </c>
      <c r="B164" s="6">
        <v>7</v>
      </c>
      <c r="C164" s="5" t="s">
        <v>251</v>
      </c>
      <c r="D164" s="5" t="s">
        <v>32</v>
      </c>
    </row>
    <row r="165" spans="1:4" x14ac:dyDescent="0.25">
      <c r="A165" s="5" t="s">
        <v>247</v>
      </c>
      <c r="B165" s="6">
        <v>8</v>
      </c>
      <c r="C165" s="5" t="s">
        <v>250</v>
      </c>
      <c r="D165" s="5" t="s">
        <v>100</v>
      </c>
    </row>
    <row r="166" spans="1:4" x14ac:dyDescent="0.25">
      <c r="A166" s="5" t="s">
        <v>247</v>
      </c>
      <c r="B166" s="6">
        <v>9</v>
      </c>
      <c r="C166" s="5" t="s">
        <v>249</v>
      </c>
      <c r="D166" s="5" t="s">
        <v>40</v>
      </c>
    </row>
    <row r="167" spans="1:4" x14ac:dyDescent="0.25">
      <c r="A167" s="5" t="s">
        <v>247</v>
      </c>
      <c r="B167" s="6">
        <v>10</v>
      </c>
      <c r="C167" s="5" t="s">
        <v>248</v>
      </c>
      <c r="D167" s="5" t="s">
        <v>98</v>
      </c>
    </row>
    <row r="168" spans="1:4" x14ac:dyDescent="0.25">
      <c r="A168" s="5" t="s">
        <v>258</v>
      </c>
      <c r="B168" s="6">
        <v>1</v>
      </c>
      <c r="C168" s="5" t="s">
        <v>272</v>
      </c>
      <c r="D168" s="5" t="s">
        <v>273</v>
      </c>
    </row>
    <row r="169" spans="1:4" x14ac:dyDescent="0.25">
      <c r="A169" s="5" t="s">
        <v>258</v>
      </c>
      <c r="B169" s="6">
        <v>2</v>
      </c>
      <c r="C169" s="5" t="s">
        <v>271</v>
      </c>
      <c r="D169" s="5" t="s">
        <v>243</v>
      </c>
    </row>
    <row r="170" spans="1:4" x14ac:dyDescent="0.25">
      <c r="A170" s="5" t="s">
        <v>258</v>
      </c>
      <c r="B170" s="6">
        <v>3</v>
      </c>
      <c r="C170" s="5" t="s">
        <v>269</v>
      </c>
      <c r="D170" s="5" t="s">
        <v>270</v>
      </c>
    </row>
    <row r="171" spans="1:4" x14ac:dyDescent="0.25">
      <c r="A171" s="5" t="s">
        <v>258</v>
      </c>
      <c r="B171" s="6">
        <v>4</v>
      </c>
      <c r="C171" s="5" t="s">
        <v>267</v>
      </c>
      <c r="D171" s="5" t="s">
        <v>268</v>
      </c>
    </row>
    <row r="172" spans="1:4" x14ac:dyDescent="0.25">
      <c r="A172" s="5" t="s">
        <v>258</v>
      </c>
      <c r="B172" s="6">
        <v>5</v>
      </c>
      <c r="C172" s="5" t="s">
        <v>266</v>
      </c>
      <c r="D172" s="5" t="s">
        <v>134</v>
      </c>
    </row>
    <row r="173" spans="1:4" x14ac:dyDescent="0.25">
      <c r="A173" s="5" t="s">
        <v>258</v>
      </c>
      <c r="B173" s="6">
        <v>6</v>
      </c>
      <c r="C173" s="5" t="s">
        <v>265</v>
      </c>
      <c r="D173" s="5" t="s">
        <v>46</v>
      </c>
    </row>
    <row r="174" spans="1:4" x14ac:dyDescent="0.25">
      <c r="A174" s="5" t="s">
        <v>258</v>
      </c>
      <c r="B174" s="6">
        <v>7</v>
      </c>
      <c r="C174" s="5" t="s">
        <v>264</v>
      </c>
      <c r="D174" s="5" t="s">
        <v>243</v>
      </c>
    </row>
    <row r="175" spans="1:4" x14ac:dyDescent="0.25">
      <c r="A175" s="5" t="s">
        <v>258</v>
      </c>
      <c r="B175" s="6">
        <v>8</v>
      </c>
      <c r="C175" s="5" t="s">
        <v>262</v>
      </c>
      <c r="D175" s="5" t="s">
        <v>263</v>
      </c>
    </row>
    <row r="176" spans="1:4" x14ac:dyDescent="0.25">
      <c r="A176" s="5" t="s">
        <v>258</v>
      </c>
      <c r="B176" s="6">
        <v>9</v>
      </c>
      <c r="C176" s="5" t="s">
        <v>260</v>
      </c>
      <c r="D176" s="5" t="s">
        <v>261</v>
      </c>
    </row>
    <row r="177" spans="1:4" x14ac:dyDescent="0.25">
      <c r="A177" s="5" t="s">
        <v>258</v>
      </c>
      <c r="B177" s="6">
        <v>10</v>
      </c>
      <c r="C177" s="5" t="s">
        <v>259</v>
      </c>
      <c r="D177" s="5" t="s">
        <v>134</v>
      </c>
    </row>
    <row r="178" spans="1:4" x14ac:dyDescent="0.25">
      <c r="A178" s="5" t="s">
        <v>274</v>
      </c>
      <c r="B178" s="6">
        <v>1</v>
      </c>
      <c r="C178" s="5" t="s">
        <v>289</v>
      </c>
      <c r="D178" s="5" t="s">
        <v>136</v>
      </c>
    </row>
    <row r="179" spans="1:4" x14ac:dyDescent="0.25">
      <c r="A179" s="5" t="s">
        <v>274</v>
      </c>
      <c r="B179" s="6">
        <v>2</v>
      </c>
      <c r="C179" s="5" t="s">
        <v>287</v>
      </c>
      <c r="D179" s="5" t="s">
        <v>288</v>
      </c>
    </row>
    <row r="180" spans="1:4" x14ac:dyDescent="0.25">
      <c r="A180" s="5" t="s">
        <v>274</v>
      </c>
      <c r="B180" s="6">
        <v>3</v>
      </c>
      <c r="C180" s="5" t="s">
        <v>286</v>
      </c>
      <c r="D180" s="5" t="s">
        <v>100</v>
      </c>
    </row>
    <row r="181" spans="1:4" x14ac:dyDescent="0.25">
      <c r="A181" s="5" t="s">
        <v>274</v>
      </c>
      <c r="B181" s="6">
        <v>4</v>
      </c>
      <c r="C181" s="5" t="s">
        <v>285</v>
      </c>
      <c r="D181" s="5" t="s">
        <v>9</v>
      </c>
    </row>
    <row r="182" spans="1:4" x14ac:dyDescent="0.25">
      <c r="A182" s="5" t="s">
        <v>274</v>
      </c>
      <c r="B182" s="6">
        <v>5</v>
      </c>
      <c r="C182" s="5" t="s">
        <v>283</v>
      </c>
      <c r="D182" s="5" t="s">
        <v>284</v>
      </c>
    </row>
    <row r="183" spans="1:4" x14ac:dyDescent="0.25">
      <c r="A183" s="5" t="s">
        <v>274</v>
      </c>
      <c r="B183" s="6">
        <v>6</v>
      </c>
      <c r="C183" s="5" t="s">
        <v>282</v>
      </c>
      <c r="D183" s="5" t="s">
        <v>42</v>
      </c>
    </row>
    <row r="184" spans="1:4" x14ac:dyDescent="0.25">
      <c r="A184" s="5" t="s">
        <v>274</v>
      </c>
      <c r="B184" s="6">
        <v>7</v>
      </c>
      <c r="C184" s="5" t="s">
        <v>280</v>
      </c>
      <c r="D184" s="5" t="s">
        <v>281</v>
      </c>
    </row>
    <row r="185" spans="1:4" x14ac:dyDescent="0.25">
      <c r="A185" s="5" t="s">
        <v>274</v>
      </c>
      <c r="B185" s="6">
        <v>8</v>
      </c>
      <c r="C185" s="5" t="s">
        <v>278</v>
      </c>
      <c r="D185" s="5" t="s">
        <v>279</v>
      </c>
    </row>
    <row r="186" spans="1:4" x14ac:dyDescent="0.25">
      <c r="A186" s="5" t="s">
        <v>274</v>
      </c>
      <c r="B186" s="6">
        <v>9</v>
      </c>
      <c r="C186" s="5" t="s">
        <v>277</v>
      </c>
      <c r="D186" s="5" t="s">
        <v>134</v>
      </c>
    </row>
    <row r="187" spans="1:4" x14ac:dyDescent="0.25">
      <c r="A187" s="5" t="s">
        <v>274</v>
      </c>
      <c r="B187" s="6">
        <v>10</v>
      </c>
      <c r="C187" s="5" t="s">
        <v>275</v>
      </c>
      <c r="D187" s="5" t="s">
        <v>276</v>
      </c>
    </row>
    <row r="188" spans="1:4" x14ac:dyDescent="0.25">
      <c r="A188" s="5" t="s">
        <v>290</v>
      </c>
      <c r="B188" s="6">
        <v>1</v>
      </c>
      <c r="C188" s="5" t="s">
        <v>302</v>
      </c>
      <c r="D188" s="5" t="s">
        <v>62</v>
      </c>
    </row>
    <row r="189" spans="1:4" x14ac:dyDescent="0.25">
      <c r="A189" s="5" t="s">
        <v>290</v>
      </c>
      <c r="B189" s="6">
        <v>2</v>
      </c>
      <c r="C189" s="5" t="s">
        <v>300</v>
      </c>
      <c r="D189" s="5" t="s">
        <v>301</v>
      </c>
    </row>
    <row r="190" spans="1:4" x14ac:dyDescent="0.25">
      <c r="A190" s="5" t="s">
        <v>290</v>
      </c>
      <c r="B190" s="6">
        <v>3</v>
      </c>
      <c r="C190" s="5" t="s">
        <v>299</v>
      </c>
      <c r="D190" s="5" t="s">
        <v>113</v>
      </c>
    </row>
    <row r="191" spans="1:4" x14ac:dyDescent="0.25">
      <c r="A191" s="5" t="s">
        <v>290</v>
      </c>
      <c r="B191" s="6">
        <v>4</v>
      </c>
      <c r="C191" s="5" t="s">
        <v>298</v>
      </c>
      <c r="D191" s="5" t="s">
        <v>176</v>
      </c>
    </row>
    <row r="192" spans="1:4" x14ac:dyDescent="0.25">
      <c r="A192" s="5" t="s">
        <v>290</v>
      </c>
      <c r="B192" s="6">
        <v>5</v>
      </c>
      <c r="C192" s="5" t="s">
        <v>297</v>
      </c>
      <c r="D192" s="5" t="s">
        <v>13</v>
      </c>
    </row>
    <row r="193" spans="1:4" x14ac:dyDescent="0.25">
      <c r="A193" s="5" t="s">
        <v>290</v>
      </c>
      <c r="B193" s="6">
        <v>6</v>
      </c>
      <c r="C193" s="5" t="s">
        <v>295</v>
      </c>
      <c r="D193" s="5" t="s">
        <v>296</v>
      </c>
    </row>
    <row r="194" spans="1:4" x14ac:dyDescent="0.25">
      <c r="A194" s="5" t="s">
        <v>290</v>
      </c>
      <c r="B194" s="6">
        <v>7</v>
      </c>
      <c r="C194" s="5" t="s">
        <v>294</v>
      </c>
      <c r="D194" s="5" t="s">
        <v>243</v>
      </c>
    </row>
    <row r="195" spans="1:4" x14ac:dyDescent="0.25">
      <c r="A195" s="5" t="s">
        <v>290</v>
      </c>
      <c r="B195" s="6">
        <v>8</v>
      </c>
      <c r="C195" s="5" t="s">
        <v>293</v>
      </c>
      <c r="D195" s="5" t="s">
        <v>93</v>
      </c>
    </row>
    <row r="196" spans="1:4" x14ac:dyDescent="0.25">
      <c r="A196" s="5" t="s">
        <v>290</v>
      </c>
      <c r="B196" s="6">
        <v>9</v>
      </c>
      <c r="C196" s="5" t="s">
        <v>292</v>
      </c>
      <c r="D196" s="5" t="s">
        <v>25</v>
      </c>
    </row>
    <row r="197" spans="1:4" x14ac:dyDescent="0.25">
      <c r="A197" s="5" t="s">
        <v>290</v>
      </c>
      <c r="B197" s="6">
        <v>10</v>
      </c>
      <c r="C197" s="5" t="s">
        <v>291</v>
      </c>
      <c r="D197" s="5" t="s">
        <v>189</v>
      </c>
    </row>
    <row r="198" spans="1:4" x14ac:dyDescent="0.25">
      <c r="A198" s="5" t="s">
        <v>303</v>
      </c>
      <c r="B198" s="6">
        <v>1</v>
      </c>
      <c r="C198" s="5" t="s">
        <v>316</v>
      </c>
      <c r="D198" s="5" t="s">
        <v>176</v>
      </c>
    </row>
    <row r="199" spans="1:4" x14ac:dyDescent="0.25">
      <c r="A199" s="5" t="s">
        <v>303</v>
      </c>
      <c r="B199" s="6">
        <v>2</v>
      </c>
      <c r="C199" s="5" t="s">
        <v>314</v>
      </c>
      <c r="D199" s="5" t="s">
        <v>315</v>
      </c>
    </row>
    <row r="200" spans="1:4" x14ac:dyDescent="0.25">
      <c r="A200" s="5" t="s">
        <v>303</v>
      </c>
      <c r="B200" s="6">
        <v>3</v>
      </c>
      <c r="C200" s="5" t="s">
        <v>313</v>
      </c>
      <c r="D200" s="5" t="s">
        <v>62</v>
      </c>
    </row>
    <row r="201" spans="1:4" x14ac:dyDescent="0.25">
      <c r="A201" s="5" t="s">
        <v>303</v>
      </c>
      <c r="B201" s="6">
        <v>4</v>
      </c>
      <c r="C201" s="5" t="s">
        <v>312</v>
      </c>
      <c r="D201" s="5" t="s">
        <v>208</v>
      </c>
    </row>
    <row r="202" spans="1:4" x14ac:dyDescent="0.25">
      <c r="A202" s="5" t="s">
        <v>303</v>
      </c>
      <c r="B202" s="6">
        <v>5</v>
      </c>
      <c r="C202" s="5" t="s">
        <v>310</v>
      </c>
      <c r="D202" s="5" t="s">
        <v>311</v>
      </c>
    </row>
    <row r="203" spans="1:4" x14ac:dyDescent="0.25">
      <c r="A203" s="5" t="s">
        <v>303</v>
      </c>
      <c r="B203" s="6">
        <v>6</v>
      </c>
      <c r="C203" s="5" t="s">
        <v>308</v>
      </c>
      <c r="D203" s="5" t="s">
        <v>309</v>
      </c>
    </row>
    <row r="204" spans="1:4" x14ac:dyDescent="0.25">
      <c r="A204" s="5" t="s">
        <v>303</v>
      </c>
      <c r="B204" s="6">
        <v>7</v>
      </c>
      <c r="C204" s="5" t="s">
        <v>307</v>
      </c>
      <c r="D204" s="5" t="s">
        <v>284</v>
      </c>
    </row>
    <row r="205" spans="1:4" x14ac:dyDescent="0.25">
      <c r="A205" s="5" t="s">
        <v>303</v>
      </c>
      <c r="B205" s="6">
        <v>8</v>
      </c>
      <c r="C205" s="5" t="s">
        <v>306</v>
      </c>
      <c r="D205" s="5" t="s">
        <v>243</v>
      </c>
    </row>
    <row r="206" spans="1:4" x14ac:dyDescent="0.25">
      <c r="A206" s="5" t="s">
        <v>303</v>
      </c>
      <c r="B206" s="6">
        <v>9</v>
      </c>
      <c r="C206" s="5" t="s">
        <v>305</v>
      </c>
      <c r="D206" s="5" t="s">
        <v>263</v>
      </c>
    </row>
    <row r="207" spans="1:4" x14ac:dyDescent="0.25">
      <c r="A207" s="5" t="s">
        <v>303</v>
      </c>
      <c r="B207" s="6">
        <v>10</v>
      </c>
      <c r="C207" s="5" t="s">
        <v>304</v>
      </c>
      <c r="D207" s="5" t="s">
        <v>211</v>
      </c>
    </row>
    <row r="208" spans="1:4" x14ac:dyDescent="0.25">
      <c r="A208" s="5" t="s">
        <v>317</v>
      </c>
      <c r="B208" s="6">
        <v>1</v>
      </c>
      <c r="C208" s="5" t="s">
        <v>327</v>
      </c>
      <c r="D208" s="5" t="s">
        <v>189</v>
      </c>
    </row>
    <row r="209" spans="1:4" x14ac:dyDescent="0.25">
      <c r="A209" s="5" t="s">
        <v>317</v>
      </c>
      <c r="B209" s="6">
        <v>2</v>
      </c>
      <c r="C209" s="5" t="s">
        <v>326</v>
      </c>
      <c r="D209" s="5" t="s">
        <v>268</v>
      </c>
    </row>
    <row r="210" spans="1:4" x14ac:dyDescent="0.25">
      <c r="A210" s="5" t="s">
        <v>317</v>
      </c>
      <c r="B210" s="6">
        <v>3</v>
      </c>
      <c r="C210" s="5" t="s">
        <v>325</v>
      </c>
      <c r="D210" s="5" t="s">
        <v>38</v>
      </c>
    </row>
    <row r="211" spans="1:4" x14ac:dyDescent="0.25">
      <c r="A211" s="5" t="s">
        <v>317</v>
      </c>
      <c r="B211" s="6">
        <v>4</v>
      </c>
      <c r="C211" s="5" t="s">
        <v>324</v>
      </c>
      <c r="D211" s="5" t="s">
        <v>64</v>
      </c>
    </row>
    <row r="212" spans="1:4" x14ac:dyDescent="0.25">
      <c r="A212" s="5" t="s">
        <v>317</v>
      </c>
      <c r="B212" s="6">
        <v>5</v>
      </c>
      <c r="C212" s="5" t="s">
        <v>323</v>
      </c>
      <c r="D212" s="5" t="s">
        <v>243</v>
      </c>
    </row>
    <row r="213" spans="1:4" x14ac:dyDescent="0.25">
      <c r="A213" s="5" t="s">
        <v>317</v>
      </c>
      <c r="B213" s="6">
        <v>6</v>
      </c>
      <c r="C213" s="5" t="s">
        <v>322</v>
      </c>
      <c r="D213" s="5" t="s">
        <v>261</v>
      </c>
    </row>
    <row r="214" spans="1:4" x14ac:dyDescent="0.25">
      <c r="A214" s="5" t="s">
        <v>317</v>
      </c>
      <c r="B214" s="6">
        <v>7</v>
      </c>
      <c r="C214" s="5" t="s">
        <v>321</v>
      </c>
      <c r="D214" s="5" t="s">
        <v>243</v>
      </c>
    </row>
    <row r="215" spans="1:4" x14ac:dyDescent="0.25">
      <c r="A215" s="5" t="s">
        <v>317</v>
      </c>
      <c r="B215" s="6">
        <v>8</v>
      </c>
      <c r="C215" s="5" t="s">
        <v>320</v>
      </c>
      <c r="D215" s="5" t="s">
        <v>214</v>
      </c>
    </row>
    <row r="216" spans="1:4" x14ac:dyDescent="0.25">
      <c r="A216" s="5" t="s">
        <v>317</v>
      </c>
      <c r="B216" s="6">
        <v>9</v>
      </c>
      <c r="C216" s="5" t="s">
        <v>319</v>
      </c>
      <c r="D216" s="5" t="s">
        <v>16</v>
      </c>
    </row>
    <row r="217" spans="1:4" x14ac:dyDescent="0.25">
      <c r="A217" s="5" t="s">
        <v>317</v>
      </c>
      <c r="B217" s="6">
        <v>10</v>
      </c>
      <c r="C217" s="5" t="s">
        <v>318</v>
      </c>
      <c r="D217" s="5" t="s">
        <v>74</v>
      </c>
    </row>
    <row r="218" spans="1:4" x14ac:dyDescent="0.25">
      <c r="A218" s="5" t="s">
        <v>328</v>
      </c>
      <c r="B218" s="6">
        <v>1</v>
      </c>
      <c r="C218" s="5" t="s">
        <v>340</v>
      </c>
      <c r="D218" s="5" t="s">
        <v>64</v>
      </c>
    </row>
    <row r="219" spans="1:4" x14ac:dyDescent="0.25">
      <c r="A219" s="5" t="s">
        <v>328</v>
      </c>
      <c r="B219" s="6">
        <v>2</v>
      </c>
      <c r="C219" s="5" t="s">
        <v>338</v>
      </c>
      <c r="D219" s="5" t="s">
        <v>339</v>
      </c>
    </row>
    <row r="220" spans="1:4" x14ac:dyDescent="0.25">
      <c r="A220" s="5" t="s">
        <v>328</v>
      </c>
      <c r="B220" s="6">
        <v>3</v>
      </c>
      <c r="C220" s="5" t="s">
        <v>336</v>
      </c>
      <c r="D220" s="5" t="s">
        <v>337</v>
      </c>
    </row>
    <row r="221" spans="1:4" x14ac:dyDescent="0.25">
      <c r="A221" s="5" t="s">
        <v>328</v>
      </c>
      <c r="B221" s="6">
        <v>4</v>
      </c>
      <c r="C221" s="5" t="s">
        <v>335</v>
      </c>
      <c r="D221" s="5" t="s">
        <v>136</v>
      </c>
    </row>
    <row r="222" spans="1:4" x14ac:dyDescent="0.25">
      <c r="A222" s="5" t="s">
        <v>328</v>
      </c>
      <c r="B222" s="6">
        <v>5</v>
      </c>
      <c r="C222" s="5" t="s">
        <v>334</v>
      </c>
      <c r="D222" s="5" t="s">
        <v>226</v>
      </c>
    </row>
    <row r="223" spans="1:4" x14ac:dyDescent="0.25">
      <c r="A223" s="5" t="s">
        <v>328</v>
      </c>
      <c r="B223" s="6">
        <v>6</v>
      </c>
      <c r="C223" s="5" t="s">
        <v>333</v>
      </c>
      <c r="D223" s="5" t="s">
        <v>5</v>
      </c>
    </row>
    <row r="224" spans="1:4" x14ac:dyDescent="0.25">
      <c r="A224" s="5" t="s">
        <v>328</v>
      </c>
      <c r="B224" s="6">
        <v>7</v>
      </c>
      <c r="C224" s="5" t="s">
        <v>332</v>
      </c>
      <c r="D224" s="5" t="s">
        <v>13</v>
      </c>
    </row>
    <row r="225" spans="1:4" x14ac:dyDescent="0.25">
      <c r="A225" s="5" t="s">
        <v>328</v>
      </c>
      <c r="B225" s="6">
        <v>8</v>
      </c>
      <c r="C225" s="5" t="s">
        <v>331</v>
      </c>
      <c r="D225" s="5" t="s">
        <v>16</v>
      </c>
    </row>
    <row r="226" spans="1:4" x14ac:dyDescent="0.25">
      <c r="A226" s="5" t="s">
        <v>328</v>
      </c>
      <c r="B226" s="6">
        <v>9</v>
      </c>
      <c r="C226" s="5" t="s">
        <v>330</v>
      </c>
      <c r="D226" s="5" t="s">
        <v>111</v>
      </c>
    </row>
    <row r="227" spans="1:4" x14ac:dyDescent="0.25">
      <c r="A227" s="5" t="s">
        <v>328</v>
      </c>
      <c r="B227" s="6">
        <v>10</v>
      </c>
      <c r="C227" s="5" t="s">
        <v>329</v>
      </c>
      <c r="D227" s="5" t="s">
        <v>261</v>
      </c>
    </row>
    <row r="228" spans="1:4" x14ac:dyDescent="0.25">
      <c r="A228" s="5" t="s">
        <v>341</v>
      </c>
      <c r="B228" s="6">
        <v>1</v>
      </c>
      <c r="C228" s="5" t="s">
        <v>351</v>
      </c>
      <c r="D228" s="5" t="s">
        <v>164</v>
      </c>
    </row>
    <row r="229" spans="1:4" x14ac:dyDescent="0.25">
      <c r="A229" s="5" t="s">
        <v>341</v>
      </c>
      <c r="B229" s="6">
        <v>2</v>
      </c>
      <c r="C229" s="5" t="s">
        <v>350</v>
      </c>
      <c r="D229" s="5" t="s">
        <v>5</v>
      </c>
    </row>
    <row r="230" spans="1:4" x14ac:dyDescent="0.25">
      <c r="A230" s="5" t="s">
        <v>341</v>
      </c>
      <c r="B230" s="6">
        <v>3</v>
      </c>
      <c r="C230" s="5" t="s">
        <v>349</v>
      </c>
      <c r="D230" s="5" t="s">
        <v>279</v>
      </c>
    </row>
    <row r="231" spans="1:4" x14ac:dyDescent="0.25">
      <c r="A231" s="5" t="s">
        <v>341</v>
      </c>
      <c r="B231" s="6">
        <v>4</v>
      </c>
      <c r="C231" s="5" t="s">
        <v>348</v>
      </c>
      <c r="D231" s="5" t="s">
        <v>276</v>
      </c>
    </row>
    <row r="232" spans="1:4" x14ac:dyDescent="0.25">
      <c r="A232" s="5" t="s">
        <v>341</v>
      </c>
      <c r="B232" s="6">
        <v>5</v>
      </c>
      <c r="C232" s="5" t="s">
        <v>347</v>
      </c>
      <c r="D232" s="5" t="s">
        <v>226</v>
      </c>
    </row>
    <row r="233" spans="1:4" x14ac:dyDescent="0.25">
      <c r="A233" s="5" t="s">
        <v>341</v>
      </c>
      <c r="B233" s="6">
        <v>6</v>
      </c>
      <c r="C233" s="5" t="s">
        <v>346</v>
      </c>
      <c r="D233" s="5" t="s">
        <v>76</v>
      </c>
    </row>
    <row r="234" spans="1:4" x14ac:dyDescent="0.25">
      <c r="A234" s="5" t="s">
        <v>341</v>
      </c>
      <c r="B234" s="6">
        <v>7</v>
      </c>
      <c r="C234" s="5" t="s">
        <v>345</v>
      </c>
      <c r="D234" s="5" t="s">
        <v>49</v>
      </c>
    </row>
    <row r="235" spans="1:4" x14ac:dyDescent="0.25">
      <c r="A235" s="5" t="s">
        <v>341</v>
      </c>
      <c r="B235" s="6">
        <v>8</v>
      </c>
      <c r="C235" s="5" t="s">
        <v>344</v>
      </c>
      <c r="D235" s="5" t="s">
        <v>13</v>
      </c>
    </row>
    <row r="236" spans="1:4" x14ac:dyDescent="0.25">
      <c r="A236" s="5" t="s">
        <v>341</v>
      </c>
      <c r="B236" s="6">
        <v>9</v>
      </c>
      <c r="C236" s="5" t="s">
        <v>343</v>
      </c>
      <c r="D236" s="5" t="s">
        <v>196</v>
      </c>
    </row>
    <row r="237" spans="1:4" x14ac:dyDescent="0.25">
      <c r="A237" s="5" t="s">
        <v>341</v>
      </c>
      <c r="B237" s="6">
        <v>10</v>
      </c>
      <c r="C237" s="5" t="s">
        <v>342</v>
      </c>
      <c r="D237" s="5" t="s">
        <v>136</v>
      </c>
    </row>
    <row r="238" spans="1:4" x14ac:dyDescent="0.25">
      <c r="A238" s="5" t="s">
        <v>352</v>
      </c>
      <c r="B238" s="6">
        <v>1</v>
      </c>
      <c r="C238" s="5" t="s">
        <v>365</v>
      </c>
      <c r="D238" s="5" t="s">
        <v>131</v>
      </c>
    </row>
    <row r="239" spans="1:4" x14ac:dyDescent="0.25">
      <c r="A239" s="5" t="s">
        <v>352</v>
      </c>
      <c r="B239" s="6">
        <v>2</v>
      </c>
      <c r="C239" s="5" t="s">
        <v>364</v>
      </c>
      <c r="D239" s="5" t="s">
        <v>363</v>
      </c>
    </row>
    <row r="240" spans="1:4" x14ac:dyDescent="0.25">
      <c r="A240" s="5" t="s">
        <v>352</v>
      </c>
      <c r="B240" s="6">
        <v>3</v>
      </c>
      <c r="C240" s="5" t="s">
        <v>362</v>
      </c>
      <c r="D240" s="5" t="s">
        <v>363</v>
      </c>
    </row>
    <row r="241" spans="1:4" x14ac:dyDescent="0.25">
      <c r="A241" s="5" t="s">
        <v>352</v>
      </c>
      <c r="B241" s="6">
        <v>4</v>
      </c>
      <c r="C241" s="5" t="s">
        <v>360</v>
      </c>
      <c r="D241" s="5" t="s">
        <v>361</v>
      </c>
    </row>
    <row r="242" spans="1:4" x14ac:dyDescent="0.25">
      <c r="A242" s="5" t="s">
        <v>352</v>
      </c>
      <c r="B242" s="6">
        <v>5</v>
      </c>
      <c r="C242" s="5" t="s">
        <v>359</v>
      </c>
      <c r="D242" s="5" t="s">
        <v>76</v>
      </c>
    </row>
    <row r="243" spans="1:4" x14ac:dyDescent="0.25">
      <c r="A243" s="5" t="s">
        <v>352</v>
      </c>
      <c r="B243" s="6">
        <v>6</v>
      </c>
      <c r="C243" s="5" t="s">
        <v>357</v>
      </c>
      <c r="D243" s="5" t="s">
        <v>358</v>
      </c>
    </row>
    <row r="244" spans="1:4" x14ac:dyDescent="0.25">
      <c r="A244" s="5" t="s">
        <v>352</v>
      </c>
      <c r="B244" s="6">
        <v>7</v>
      </c>
      <c r="C244" s="5" t="s">
        <v>356</v>
      </c>
      <c r="D244" s="5" t="s">
        <v>126</v>
      </c>
    </row>
    <row r="245" spans="1:4" x14ac:dyDescent="0.25">
      <c r="A245" s="5" t="s">
        <v>352</v>
      </c>
      <c r="B245" s="6">
        <v>8</v>
      </c>
      <c r="C245" s="5" t="s">
        <v>355</v>
      </c>
      <c r="D245" s="5" t="s">
        <v>131</v>
      </c>
    </row>
    <row r="246" spans="1:4" x14ac:dyDescent="0.25">
      <c r="A246" s="5" t="s">
        <v>352</v>
      </c>
      <c r="B246" s="6">
        <v>9</v>
      </c>
      <c r="C246" s="5" t="s">
        <v>354</v>
      </c>
      <c r="D246" s="5" t="s">
        <v>76</v>
      </c>
    </row>
    <row r="247" spans="1:4" x14ac:dyDescent="0.25">
      <c r="A247" s="5" t="s">
        <v>352</v>
      </c>
      <c r="B247" s="6">
        <v>10</v>
      </c>
      <c r="C247" s="5" t="s">
        <v>353</v>
      </c>
      <c r="D247" s="5" t="s">
        <v>27</v>
      </c>
    </row>
    <row r="248" spans="1:4" x14ac:dyDescent="0.25">
      <c r="A248" s="5" t="s">
        <v>366</v>
      </c>
      <c r="B248" s="6">
        <v>1</v>
      </c>
      <c r="C248" s="5" t="s">
        <v>376</v>
      </c>
      <c r="D248" s="5" t="s">
        <v>136</v>
      </c>
    </row>
    <row r="249" spans="1:4" x14ac:dyDescent="0.25">
      <c r="A249" s="5" t="s">
        <v>366</v>
      </c>
      <c r="B249" s="6">
        <v>2</v>
      </c>
      <c r="C249" s="5" t="s">
        <v>375</v>
      </c>
      <c r="D249" s="5" t="s">
        <v>16</v>
      </c>
    </row>
    <row r="250" spans="1:4" x14ac:dyDescent="0.25">
      <c r="A250" s="5" t="s">
        <v>366</v>
      </c>
      <c r="B250" s="6">
        <v>3</v>
      </c>
      <c r="C250" s="5" t="s">
        <v>374</v>
      </c>
      <c r="D250" s="5" t="s">
        <v>13</v>
      </c>
    </row>
    <row r="251" spans="1:4" x14ac:dyDescent="0.25">
      <c r="A251" s="5" t="s">
        <v>366</v>
      </c>
      <c r="B251" s="6">
        <v>4</v>
      </c>
      <c r="C251" s="5" t="s">
        <v>373</v>
      </c>
      <c r="D251" s="5" t="s">
        <v>62</v>
      </c>
    </row>
    <row r="252" spans="1:4" x14ac:dyDescent="0.25">
      <c r="A252" s="5" t="s">
        <v>366</v>
      </c>
      <c r="B252" s="6">
        <v>5</v>
      </c>
      <c r="C252" s="5" t="s">
        <v>372</v>
      </c>
      <c r="D252" s="5" t="s">
        <v>80</v>
      </c>
    </row>
    <row r="253" spans="1:4" x14ac:dyDescent="0.25">
      <c r="A253" s="5" t="s">
        <v>366</v>
      </c>
      <c r="B253" s="6">
        <v>6</v>
      </c>
      <c r="C253" s="5" t="s">
        <v>371</v>
      </c>
      <c r="D253" s="5" t="s">
        <v>121</v>
      </c>
    </row>
    <row r="254" spans="1:4" x14ac:dyDescent="0.25">
      <c r="A254" s="5" t="s">
        <v>366</v>
      </c>
      <c r="B254" s="6">
        <v>7</v>
      </c>
      <c r="C254" s="5" t="s">
        <v>370</v>
      </c>
      <c r="D254" s="5" t="s">
        <v>80</v>
      </c>
    </row>
    <row r="255" spans="1:4" x14ac:dyDescent="0.25">
      <c r="A255" s="5" t="s">
        <v>366</v>
      </c>
      <c r="B255" s="6">
        <v>8</v>
      </c>
      <c r="C255" s="5" t="s">
        <v>369</v>
      </c>
      <c r="D255" s="5" t="s">
        <v>87</v>
      </c>
    </row>
    <row r="256" spans="1:4" x14ac:dyDescent="0.25">
      <c r="A256" s="5" t="s">
        <v>366</v>
      </c>
      <c r="B256" s="6">
        <v>9</v>
      </c>
      <c r="C256" s="5" t="s">
        <v>368</v>
      </c>
      <c r="D256" s="5" t="s">
        <v>13</v>
      </c>
    </row>
    <row r="257" spans="1:4" x14ac:dyDescent="0.25">
      <c r="A257" s="5" t="s">
        <v>366</v>
      </c>
      <c r="B257" s="6">
        <v>10</v>
      </c>
      <c r="C257" s="5" t="s">
        <v>367</v>
      </c>
      <c r="D257" s="5" t="s">
        <v>22</v>
      </c>
    </row>
    <row r="258" spans="1:4" x14ac:dyDescent="0.25">
      <c r="A258" s="5" t="s">
        <v>377</v>
      </c>
      <c r="B258" s="6">
        <v>1</v>
      </c>
      <c r="C258" s="5" t="s">
        <v>388</v>
      </c>
      <c r="D258" s="5" t="s">
        <v>157</v>
      </c>
    </row>
    <row r="259" spans="1:4" x14ac:dyDescent="0.25">
      <c r="A259" s="5" t="s">
        <v>377</v>
      </c>
      <c r="B259" s="6">
        <v>2</v>
      </c>
      <c r="C259" s="5" t="s">
        <v>387</v>
      </c>
      <c r="D259" s="5" t="s">
        <v>13</v>
      </c>
    </row>
    <row r="260" spans="1:4" x14ac:dyDescent="0.25">
      <c r="A260" s="5" t="s">
        <v>377</v>
      </c>
      <c r="B260" s="6">
        <v>3</v>
      </c>
      <c r="C260" s="5" t="s">
        <v>386</v>
      </c>
      <c r="D260" s="5" t="s">
        <v>22</v>
      </c>
    </row>
    <row r="261" spans="1:4" x14ac:dyDescent="0.25">
      <c r="A261" s="5" t="s">
        <v>377</v>
      </c>
      <c r="B261" s="6">
        <v>4</v>
      </c>
      <c r="C261" s="5" t="s">
        <v>385</v>
      </c>
      <c r="D261" s="5" t="s">
        <v>157</v>
      </c>
    </row>
    <row r="262" spans="1:4" x14ac:dyDescent="0.25">
      <c r="A262" s="5" t="s">
        <v>377</v>
      </c>
      <c r="B262" s="6">
        <v>5</v>
      </c>
      <c r="C262" s="5" t="s">
        <v>384</v>
      </c>
      <c r="D262" s="5" t="s">
        <v>57</v>
      </c>
    </row>
    <row r="263" spans="1:4" x14ac:dyDescent="0.25">
      <c r="A263" s="5" t="s">
        <v>377</v>
      </c>
      <c r="B263" s="6">
        <v>6</v>
      </c>
      <c r="C263" s="5" t="s">
        <v>383</v>
      </c>
      <c r="D263" s="5" t="s">
        <v>16</v>
      </c>
    </row>
    <row r="264" spans="1:4" x14ac:dyDescent="0.25">
      <c r="A264" s="5" t="s">
        <v>377</v>
      </c>
      <c r="B264" s="6">
        <v>7</v>
      </c>
      <c r="C264" s="5" t="s">
        <v>382</v>
      </c>
      <c r="D264" s="5" t="s">
        <v>27</v>
      </c>
    </row>
    <row r="265" spans="1:4" x14ac:dyDescent="0.25">
      <c r="A265" s="5" t="s">
        <v>377</v>
      </c>
      <c r="B265" s="6">
        <v>8</v>
      </c>
      <c r="C265" s="5" t="s">
        <v>380</v>
      </c>
      <c r="D265" s="5" t="s">
        <v>381</v>
      </c>
    </row>
    <row r="266" spans="1:4" x14ac:dyDescent="0.25">
      <c r="A266" s="5" t="s">
        <v>377</v>
      </c>
      <c r="B266" s="6">
        <v>9</v>
      </c>
      <c r="C266" s="5" t="s">
        <v>379</v>
      </c>
      <c r="D266" s="5" t="s">
        <v>42</v>
      </c>
    </row>
    <row r="267" spans="1:4" x14ac:dyDescent="0.25">
      <c r="A267" s="5" t="s">
        <v>377</v>
      </c>
      <c r="B267" s="6">
        <v>10</v>
      </c>
      <c r="C267" s="5" t="s">
        <v>378</v>
      </c>
      <c r="D267" s="5" t="s">
        <v>126</v>
      </c>
    </row>
    <row r="268" spans="1:4" x14ac:dyDescent="0.25">
      <c r="A268" s="5" t="s">
        <v>389</v>
      </c>
      <c r="B268" s="6">
        <v>1</v>
      </c>
      <c r="C268" s="5" t="s">
        <v>399</v>
      </c>
      <c r="D268" s="5" t="s">
        <v>29</v>
      </c>
    </row>
    <row r="269" spans="1:4" x14ac:dyDescent="0.25">
      <c r="A269" s="5" t="s">
        <v>389</v>
      </c>
      <c r="B269" s="6">
        <v>2</v>
      </c>
      <c r="C269" s="5" t="s">
        <v>398</v>
      </c>
      <c r="D269" s="5" t="s">
        <v>13</v>
      </c>
    </row>
    <row r="270" spans="1:4" x14ac:dyDescent="0.25">
      <c r="A270" s="5" t="s">
        <v>389</v>
      </c>
      <c r="B270" s="6">
        <v>3</v>
      </c>
      <c r="C270" s="5" t="s">
        <v>397</v>
      </c>
      <c r="D270" s="5" t="s">
        <v>119</v>
      </c>
    </row>
    <row r="271" spans="1:4" x14ac:dyDescent="0.25">
      <c r="A271" s="5" t="s">
        <v>389</v>
      </c>
      <c r="B271" s="6">
        <v>4</v>
      </c>
      <c r="C271" s="5" t="s">
        <v>396</v>
      </c>
      <c r="D271" s="5" t="s">
        <v>104</v>
      </c>
    </row>
    <row r="272" spans="1:4" x14ac:dyDescent="0.25">
      <c r="A272" s="5" t="s">
        <v>389</v>
      </c>
      <c r="B272" s="6">
        <v>5</v>
      </c>
      <c r="C272" s="5" t="s">
        <v>395</v>
      </c>
      <c r="D272" s="5" t="s">
        <v>121</v>
      </c>
    </row>
    <row r="273" spans="1:4" x14ac:dyDescent="0.25">
      <c r="A273" s="5" t="s">
        <v>389</v>
      </c>
      <c r="B273" s="6">
        <v>6</v>
      </c>
      <c r="C273" s="5" t="s">
        <v>394</v>
      </c>
      <c r="D273" s="5" t="s">
        <v>116</v>
      </c>
    </row>
    <row r="274" spans="1:4" x14ac:dyDescent="0.25">
      <c r="A274" s="5" t="s">
        <v>389</v>
      </c>
      <c r="B274" s="6">
        <v>7</v>
      </c>
      <c r="C274" s="5" t="s">
        <v>393</v>
      </c>
      <c r="D274" s="5" t="s">
        <v>29</v>
      </c>
    </row>
    <row r="275" spans="1:4" x14ac:dyDescent="0.25">
      <c r="A275" s="5" t="s">
        <v>389</v>
      </c>
      <c r="B275" s="6">
        <v>8</v>
      </c>
      <c r="C275" s="5" t="s">
        <v>392</v>
      </c>
      <c r="D275" s="5" t="s">
        <v>234</v>
      </c>
    </row>
    <row r="276" spans="1:4" x14ac:dyDescent="0.25">
      <c r="A276" s="5" t="s">
        <v>389</v>
      </c>
      <c r="B276" s="6">
        <v>9</v>
      </c>
      <c r="C276" s="5" t="s">
        <v>391</v>
      </c>
      <c r="D276" s="5" t="s">
        <v>98</v>
      </c>
    </row>
    <row r="277" spans="1:4" x14ac:dyDescent="0.25">
      <c r="A277" s="5" t="s">
        <v>389</v>
      </c>
      <c r="B277" s="6">
        <v>10</v>
      </c>
      <c r="C277" s="5" t="s">
        <v>390</v>
      </c>
      <c r="D277" s="5" t="s">
        <v>40</v>
      </c>
    </row>
    <row r="278" spans="1:4" x14ac:dyDescent="0.25">
      <c r="A278" s="5" t="s">
        <v>400</v>
      </c>
      <c r="B278" s="6">
        <v>1</v>
      </c>
      <c r="C278" s="5" t="s">
        <v>413</v>
      </c>
      <c r="D278" s="5" t="s">
        <v>116</v>
      </c>
    </row>
    <row r="279" spans="1:4" x14ac:dyDescent="0.25">
      <c r="A279" s="5" t="s">
        <v>400</v>
      </c>
      <c r="B279" s="6">
        <v>2</v>
      </c>
      <c r="C279" s="5" t="s">
        <v>412</v>
      </c>
      <c r="D279" s="5" t="s">
        <v>11</v>
      </c>
    </row>
    <row r="280" spans="1:4" x14ac:dyDescent="0.25">
      <c r="A280" s="5" t="s">
        <v>400</v>
      </c>
      <c r="B280" s="6">
        <v>3</v>
      </c>
      <c r="C280" s="5" t="s">
        <v>411</v>
      </c>
      <c r="D280" s="5" t="s">
        <v>40</v>
      </c>
    </row>
    <row r="281" spans="1:4" x14ac:dyDescent="0.25">
      <c r="A281" s="5" t="s">
        <v>400</v>
      </c>
      <c r="B281" s="6">
        <v>4</v>
      </c>
      <c r="C281" s="5" t="s">
        <v>410</v>
      </c>
      <c r="D281" s="5" t="s">
        <v>62</v>
      </c>
    </row>
    <row r="282" spans="1:4" x14ac:dyDescent="0.25">
      <c r="A282" s="5" t="s">
        <v>400</v>
      </c>
      <c r="B282" s="6">
        <v>5</v>
      </c>
      <c r="C282" s="5" t="s">
        <v>408</v>
      </c>
      <c r="D282" s="5" t="s">
        <v>409</v>
      </c>
    </row>
    <row r="283" spans="1:4" x14ac:dyDescent="0.25">
      <c r="A283" s="5" t="s">
        <v>400</v>
      </c>
      <c r="B283" s="6">
        <v>6</v>
      </c>
      <c r="C283" s="5" t="s">
        <v>407</v>
      </c>
      <c r="D283" s="5" t="s">
        <v>164</v>
      </c>
    </row>
    <row r="284" spans="1:4" x14ac:dyDescent="0.25">
      <c r="A284" s="5" t="s">
        <v>400</v>
      </c>
      <c r="B284" s="6">
        <v>7</v>
      </c>
      <c r="C284" s="5" t="s">
        <v>406</v>
      </c>
      <c r="D284" s="5" t="s">
        <v>32</v>
      </c>
    </row>
    <row r="285" spans="1:4" x14ac:dyDescent="0.25">
      <c r="A285" s="5" t="s">
        <v>400</v>
      </c>
      <c r="B285" s="6">
        <v>8</v>
      </c>
      <c r="C285" s="5" t="s">
        <v>404</v>
      </c>
      <c r="D285" s="5" t="s">
        <v>405</v>
      </c>
    </row>
    <row r="286" spans="1:4" x14ac:dyDescent="0.25">
      <c r="A286" s="5" t="s">
        <v>400</v>
      </c>
      <c r="B286" s="6">
        <v>9</v>
      </c>
      <c r="C286" s="5" t="s">
        <v>403</v>
      </c>
      <c r="D286" s="5" t="s">
        <v>34</v>
      </c>
    </row>
    <row r="287" spans="1:4" x14ac:dyDescent="0.25">
      <c r="A287" s="5" t="s">
        <v>400</v>
      </c>
      <c r="B287" s="6">
        <v>10</v>
      </c>
      <c r="C287" s="5" t="s">
        <v>401</v>
      </c>
      <c r="D287" s="5" t="s">
        <v>402</v>
      </c>
    </row>
    <row r="288" spans="1:4" x14ac:dyDescent="0.25">
      <c r="A288" s="5" t="s">
        <v>414</v>
      </c>
      <c r="B288" s="6">
        <v>1</v>
      </c>
      <c r="C288" s="5" t="s">
        <v>424</v>
      </c>
      <c r="D288" s="5" t="s">
        <v>20</v>
      </c>
    </row>
    <row r="289" spans="1:4" x14ac:dyDescent="0.25">
      <c r="A289" s="5" t="s">
        <v>414</v>
      </c>
      <c r="B289" s="6">
        <v>2</v>
      </c>
      <c r="C289" s="5" t="s">
        <v>423</v>
      </c>
      <c r="D289" s="5" t="s">
        <v>22</v>
      </c>
    </row>
    <row r="290" spans="1:4" x14ac:dyDescent="0.25">
      <c r="A290" s="5" t="s">
        <v>414</v>
      </c>
      <c r="B290" s="6">
        <v>3</v>
      </c>
      <c r="C290" s="5" t="s">
        <v>422</v>
      </c>
      <c r="D290" s="5" t="s">
        <v>113</v>
      </c>
    </row>
    <row r="291" spans="1:4" x14ac:dyDescent="0.25">
      <c r="A291" s="5" t="s">
        <v>414</v>
      </c>
      <c r="B291" s="6">
        <v>4</v>
      </c>
      <c r="C291" s="5" t="s">
        <v>421</v>
      </c>
      <c r="D291" s="5" t="s">
        <v>76</v>
      </c>
    </row>
    <row r="292" spans="1:4" x14ac:dyDescent="0.25">
      <c r="A292" s="5" t="s">
        <v>414</v>
      </c>
      <c r="B292" s="6">
        <v>5</v>
      </c>
      <c r="C292" s="5" t="s">
        <v>420</v>
      </c>
      <c r="D292" s="5" t="s">
        <v>16</v>
      </c>
    </row>
    <row r="293" spans="1:4" x14ac:dyDescent="0.25">
      <c r="A293" s="5" t="s">
        <v>414</v>
      </c>
      <c r="B293" s="6">
        <v>6</v>
      </c>
      <c r="C293" s="5" t="s">
        <v>419</v>
      </c>
      <c r="D293" s="5" t="s">
        <v>16</v>
      </c>
    </row>
    <row r="294" spans="1:4" x14ac:dyDescent="0.25">
      <c r="A294" s="5" t="s">
        <v>414</v>
      </c>
      <c r="B294" s="6">
        <v>7</v>
      </c>
      <c r="C294" s="5" t="s">
        <v>418</v>
      </c>
      <c r="D294" s="5" t="s">
        <v>13</v>
      </c>
    </row>
    <row r="295" spans="1:4" x14ac:dyDescent="0.25">
      <c r="A295" s="5" t="s">
        <v>414</v>
      </c>
      <c r="B295" s="6">
        <v>8</v>
      </c>
      <c r="C295" s="5" t="s">
        <v>417</v>
      </c>
      <c r="D295" s="5" t="s">
        <v>13</v>
      </c>
    </row>
    <row r="296" spans="1:4" x14ac:dyDescent="0.25">
      <c r="A296" s="5" t="s">
        <v>414</v>
      </c>
      <c r="B296" s="6">
        <v>9</v>
      </c>
      <c r="C296" s="5" t="s">
        <v>416</v>
      </c>
      <c r="D296" s="5" t="s">
        <v>121</v>
      </c>
    </row>
    <row r="297" spans="1:4" x14ac:dyDescent="0.25">
      <c r="A297" s="5" t="s">
        <v>414</v>
      </c>
      <c r="B297" s="6">
        <v>10</v>
      </c>
      <c r="C297" s="5" t="s">
        <v>415</v>
      </c>
      <c r="D297" s="5" t="s">
        <v>131</v>
      </c>
    </row>
    <row r="298" spans="1:4" x14ac:dyDescent="0.25">
      <c r="A298" s="5" t="s">
        <v>425</v>
      </c>
      <c r="B298" s="6">
        <v>1</v>
      </c>
      <c r="C298" s="5" t="s">
        <v>438</v>
      </c>
      <c r="D298" s="5" t="s">
        <v>55</v>
      </c>
    </row>
    <row r="299" spans="1:4" x14ac:dyDescent="0.25">
      <c r="A299" s="5" t="s">
        <v>425</v>
      </c>
      <c r="B299" s="6">
        <v>2</v>
      </c>
      <c r="C299" s="5" t="s">
        <v>436</v>
      </c>
      <c r="D299" s="5" t="s">
        <v>437</v>
      </c>
    </row>
    <row r="300" spans="1:4" x14ac:dyDescent="0.25">
      <c r="A300" s="5" t="s">
        <v>425</v>
      </c>
      <c r="B300" s="6">
        <v>3</v>
      </c>
      <c r="C300" s="5" t="s">
        <v>434</v>
      </c>
      <c r="D300" s="5" t="s">
        <v>435</v>
      </c>
    </row>
    <row r="301" spans="1:4" x14ac:dyDescent="0.25">
      <c r="A301" s="5" t="s">
        <v>425</v>
      </c>
      <c r="B301" s="6">
        <v>4</v>
      </c>
      <c r="C301" s="5" t="s">
        <v>433</v>
      </c>
      <c r="D301" s="5" t="s">
        <v>104</v>
      </c>
    </row>
    <row r="302" spans="1:4" x14ac:dyDescent="0.25">
      <c r="A302" s="5" t="s">
        <v>425</v>
      </c>
      <c r="B302" s="6">
        <v>5</v>
      </c>
      <c r="C302" s="5" t="s">
        <v>432</v>
      </c>
      <c r="D302" s="5" t="s">
        <v>234</v>
      </c>
    </row>
    <row r="303" spans="1:4" x14ac:dyDescent="0.25">
      <c r="A303" s="5" t="s">
        <v>425</v>
      </c>
      <c r="B303" s="6">
        <v>6</v>
      </c>
      <c r="C303" s="5" t="s">
        <v>431</v>
      </c>
      <c r="D303" s="5" t="s">
        <v>9</v>
      </c>
    </row>
    <row r="304" spans="1:4" x14ac:dyDescent="0.25">
      <c r="A304" s="5" t="s">
        <v>425</v>
      </c>
      <c r="B304" s="6">
        <v>7</v>
      </c>
      <c r="C304" s="5" t="s">
        <v>430</v>
      </c>
      <c r="D304" s="5" t="s">
        <v>16</v>
      </c>
    </row>
    <row r="305" spans="1:4" x14ac:dyDescent="0.25">
      <c r="A305" s="5" t="s">
        <v>425</v>
      </c>
      <c r="B305" s="6">
        <v>8</v>
      </c>
      <c r="C305" s="5" t="s">
        <v>429</v>
      </c>
      <c r="D305" s="5" t="s">
        <v>111</v>
      </c>
    </row>
    <row r="306" spans="1:4" x14ac:dyDescent="0.25">
      <c r="A306" s="5" t="s">
        <v>425</v>
      </c>
      <c r="B306" s="6">
        <v>9</v>
      </c>
      <c r="C306" s="5" t="s">
        <v>428</v>
      </c>
      <c r="D306" s="5" t="s">
        <v>427</v>
      </c>
    </row>
    <row r="307" spans="1:4" x14ac:dyDescent="0.25">
      <c r="A307" s="5" t="s">
        <v>425</v>
      </c>
      <c r="B307" s="6">
        <v>10</v>
      </c>
      <c r="C307" s="5" t="s">
        <v>426</v>
      </c>
      <c r="D307" s="5" t="s">
        <v>427</v>
      </c>
    </row>
    <row r="308" spans="1:4" x14ac:dyDescent="0.25">
      <c r="A308" s="5" t="s">
        <v>439</v>
      </c>
      <c r="B308" s="6">
        <v>1</v>
      </c>
      <c r="C308" s="5" t="s">
        <v>452</v>
      </c>
      <c r="D308" s="5" t="s">
        <v>38</v>
      </c>
    </row>
    <row r="309" spans="1:4" x14ac:dyDescent="0.25">
      <c r="A309" s="5" t="s">
        <v>439</v>
      </c>
      <c r="B309" s="6">
        <v>2</v>
      </c>
      <c r="C309" s="5" t="s">
        <v>450</v>
      </c>
      <c r="D309" s="5" t="s">
        <v>451</v>
      </c>
    </row>
    <row r="310" spans="1:4" x14ac:dyDescent="0.25">
      <c r="A310" s="5" t="s">
        <v>439</v>
      </c>
      <c r="B310" s="6">
        <v>3</v>
      </c>
      <c r="C310" s="5" t="s">
        <v>449</v>
      </c>
      <c r="D310" s="5" t="s">
        <v>198</v>
      </c>
    </row>
    <row r="311" spans="1:4" x14ac:dyDescent="0.25">
      <c r="A311" s="5" t="s">
        <v>439</v>
      </c>
      <c r="B311" s="6">
        <v>4</v>
      </c>
      <c r="C311" s="5" t="s">
        <v>447</v>
      </c>
      <c r="D311" s="5" t="s">
        <v>448</v>
      </c>
    </row>
    <row r="312" spans="1:4" x14ac:dyDescent="0.25">
      <c r="A312" s="5" t="s">
        <v>439</v>
      </c>
      <c r="B312" s="6">
        <v>5</v>
      </c>
      <c r="C312" s="5" t="s">
        <v>446</v>
      </c>
      <c r="D312" s="5" t="s">
        <v>16</v>
      </c>
    </row>
    <row r="313" spans="1:4" x14ac:dyDescent="0.25">
      <c r="A313" s="5" t="s">
        <v>439</v>
      </c>
      <c r="B313" s="6">
        <v>6</v>
      </c>
      <c r="C313" s="5" t="s">
        <v>445</v>
      </c>
      <c r="D313" s="5" t="s">
        <v>22</v>
      </c>
    </row>
    <row r="314" spans="1:4" x14ac:dyDescent="0.25">
      <c r="A314" s="5" t="s">
        <v>439</v>
      </c>
      <c r="B314" s="6">
        <v>7</v>
      </c>
      <c r="C314" s="5" t="s">
        <v>444</v>
      </c>
      <c r="D314" s="5" t="s">
        <v>157</v>
      </c>
    </row>
    <row r="315" spans="1:4" x14ac:dyDescent="0.25">
      <c r="A315" s="5" t="s">
        <v>439</v>
      </c>
      <c r="B315" s="6">
        <v>8</v>
      </c>
      <c r="C315" s="5" t="s">
        <v>442</v>
      </c>
      <c r="D315" s="5" t="s">
        <v>443</v>
      </c>
    </row>
    <row r="316" spans="1:4" x14ac:dyDescent="0.25">
      <c r="A316" s="5" t="s">
        <v>439</v>
      </c>
      <c r="B316" s="6">
        <v>9</v>
      </c>
      <c r="C316" s="5" t="s">
        <v>441</v>
      </c>
      <c r="D316" s="5" t="s">
        <v>284</v>
      </c>
    </row>
    <row r="317" spans="1:4" x14ac:dyDescent="0.25">
      <c r="A317" s="5" t="s">
        <v>439</v>
      </c>
      <c r="B317" s="6">
        <v>10</v>
      </c>
      <c r="C317" s="5" t="s">
        <v>440</v>
      </c>
      <c r="D317" s="5" t="s">
        <v>40</v>
      </c>
    </row>
    <row r="318" spans="1:4" x14ac:dyDescent="0.25">
      <c r="A318" s="5" t="s">
        <v>453</v>
      </c>
      <c r="B318" s="6">
        <v>1</v>
      </c>
      <c r="C318" s="5" t="s">
        <v>466</v>
      </c>
      <c r="D318" s="5" t="s">
        <v>34</v>
      </c>
    </row>
    <row r="319" spans="1:4" x14ac:dyDescent="0.25">
      <c r="A319" s="5" t="s">
        <v>453</v>
      </c>
      <c r="B319" s="6">
        <v>2</v>
      </c>
      <c r="C319" s="5" t="s">
        <v>465</v>
      </c>
      <c r="D319" s="5" t="s">
        <v>339</v>
      </c>
    </row>
    <row r="320" spans="1:4" x14ac:dyDescent="0.25">
      <c r="A320" s="5" t="s">
        <v>453</v>
      </c>
      <c r="B320" s="6">
        <v>3</v>
      </c>
      <c r="C320" s="5" t="s">
        <v>464</v>
      </c>
      <c r="D320" s="5" t="s">
        <v>381</v>
      </c>
    </row>
    <row r="321" spans="1:4" x14ac:dyDescent="0.25">
      <c r="A321" s="5" t="s">
        <v>453</v>
      </c>
      <c r="B321" s="6">
        <v>4</v>
      </c>
      <c r="C321" s="5" t="s">
        <v>463</v>
      </c>
      <c r="D321" s="5" t="s">
        <v>381</v>
      </c>
    </row>
    <row r="322" spans="1:4" x14ac:dyDescent="0.25">
      <c r="A322" s="5" t="s">
        <v>453</v>
      </c>
      <c r="B322" s="6">
        <v>5</v>
      </c>
      <c r="C322" s="5" t="s">
        <v>461</v>
      </c>
      <c r="D322" s="5" t="s">
        <v>462</v>
      </c>
    </row>
    <row r="323" spans="1:4" x14ac:dyDescent="0.25">
      <c r="A323" s="5" t="s">
        <v>453</v>
      </c>
      <c r="B323" s="6">
        <v>6</v>
      </c>
      <c r="C323" s="5" t="s">
        <v>459</v>
      </c>
      <c r="D323" s="5" t="s">
        <v>460</v>
      </c>
    </row>
    <row r="324" spans="1:4" x14ac:dyDescent="0.25">
      <c r="A324" s="5" t="s">
        <v>453</v>
      </c>
      <c r="B324" s="6">
        <v>7</v>
      </c>
      <c r="C324" s="5" t="s">
        <v>458</v>
      </c>
      <c r="D324" s="5" t="s">
        <v>196</v>
      </c>
    </row>
    <row r="325" spans="1:4" x14ac:dyDescent="0.25">
      <c r="A325" s="5" t="s">
        <v>453</v>
      </c>
      <c r="B325" s="6">
        <v>8</v>
      </c>
      <c r="C325" s="5" t="s">
        <v>457</v>
      </c>
      <c r="D325" s="5" t="s">
        <v>281</v>
      </c>
    </row>
    <row r="326" spans="1:4" x14ac:dyDescent="0.25">
      <c r="A326" s="5" t="s">
        <v>453</v>
      </c>
      <c r="B326" s="6">
        <v>9</v>
      </c>
      <c r="C326" s="5" t="s">
        <v>455</v>
      </c>
      <c r="D326" s="5" t="s">
        <v>456</v>
      </c>
    </row>
    <row r="327" spans="1:4" x14ac:dyDescent="0.25">
      <c r="A327" s="5" t="s">
        <v>453</v>
      </c>
      <c r="B327" s="6">
        <v>10</v>
      </c>
      <c r="C327" s="5" t="s">
        <v>454</v>
      </c>
      <c r="D327" s="5" t="s">
        <v>71</v>
      </c>
    </row>
    <row r="328" spans="1:4" x14ac:dyDescent="0.25">
      <c r="A328" s="5" t="s">
        <v>467</v>
      </c>
      <c r="B328" s="6">
        <v>1</v>
      </c>
      <c r="C328" s="5" t="s">
        <v>479</v>
      </c>
      <c r="D328" s="5" t="s">
        <v>284</v>
      </c>
    </row>
    <row r="329" spans="1:4" x14ac:dyDescent="0.25">
      <c r="A329" s="5" t="s">
        <v>467</v>
      </c>
      <c r="B329" s="6">
        <v>2</v>
      </c>
      <c r="C329" s="5" t="s">
        <v>478</v>
      </c>
      <c r="D329" s="5" t="s">
        <v>104</v>
      </c>
    </row>
    <row r="330" spans="1:4" x14ac:dyDescent="0.25">
      <c r="A330" s="5" t="s">
        <v>467</v>
      </c>
      <c r="B330" s="6">
        <v>3</v>
      </c>
      <c r="C330" s="5" t="s">
        <v>476</v>
      </c>
      <c r="D330" s="5" t="s">
        <v>477</v>
      </c>
    </row>
    <row r="331" spans="1:4" x14ac:dyDescent="0.25">
      <c r="A331" s="5" t="s">
        <v>467</v>
      </c>
      <c r="B331" s="6">
        <v>4</v>
      </c>
      <c r="C331" s="5" t="s">
        <v>475</v>
      </c>
      <c r="D331" s="5" t="s">
        <v>13</v>
      </c>
    </row>
    <row r="332" spans="1:4" x14ac:dyDescent="0.25">
      <c r="A332" s="5" t="s">
        <v>467</v>
      </c>
      <c r="B332" s="6">
        <v>5</v>
      </c>
      <c r="C332" s="5" t="s">
        <v>474</v>
      </c>
      <c r="D332" s="5" t="s">
        <v>261</v>
      </c>
    </row>
    <row r="333" spans="1:4" x14ac:dyDescent="0.25">
      <c r="A333" s="5" t="s">
        <v>467</v>
      </c>
      <c r="B333" s="6">
        <v>6</v>
      </c>
      <c r="C333" s="5" t="s">
        <v>473</v>
      </c>
      <c r="D333" s="5" t="s">
        <v>126</v>
      </c>
    </row>
    <row r="334" spans="1:4" x14ac:dyDescent="0.25">
      <c r="A334" s="5" t="s">
        <v>467</v>
      </c>
      <c r="B334" s="6">
        <v>7</v>
      </c>
      <c r="C334" s="5" t="s">
        <v>472</v>
      </c>
      <c r="D334" s="5" t="s">
        <v>157</v>
      </c>
    </row>
    <row r="335" spans="1:4" x14ac:dyDescent="0.25">
      <c r="A335" s="5" t="s">
        <v>467</v>
      </c>
      <c r="B335" s="6">
        <v>8</v>
      </c>
      <c r="C335" s="5" t="s">
        <v>471</v>
      </c>
      <c r="D335" s="5" t="s">
        <v>16</v>
      </c>
    </row>
    <row r="336" spans="1:4" x14ac:dyDescent="0.25">
      <c r="A336" s="5" t="s">
        <v>467</v>
      </c>
      <c r="B336" s="6">
        <v>9</v>
      </c>
      <c r="C336" s="5" t="s">
        <v>469</v>
      </c>
      <c r="D336" s="5" t="s">
        <v>470</v>
      </c>
    </row>
    <row r="337" spans="1:4" x14ac:dyDescent="0.25">
      <c r="A337" s="5" t="s">
        <v>467</v>
      </c>
      <c r="B337" s="6">
        <v>10</v>
      </c>
      <c r="C337" s="5" t="s">
        <v>468</v>
      </c>
      <c r="D337" s="5" t="s">
        <v>40</v>
      </c>
    </row>
    <row r="338" spans="1:4" x14ac:dyDescent="0.25">
      <c r="A338" s="5" t="s">
        <v>480</v>
      </c>
      <c r="B338" s="6">
        <v>1</v>
      </c>
      <c r="C338" s="5" t="s">
        <v>493</v>
      </c>
      <c r="D338" s="5" t="s">
        <v>9</v>
      </c>
    </row>
    <row r="339" spans="1:4" x14ac:dyDescent="0.25">
      <c r="A339" s="5" t="s">
        <v>480</v>
      </c>
      <c r="B339" s="6">
        <v>2</v>
      </c>
      <c r="C339" s="5" t="s">
        <v>492</v>
      </c>
      <c r="D339" s="5" t="s">
        <v>131</v>
      </c>
    </row>
    <row r="340" spans="1:4" x14ac:dyDescent="0.25">
      <c r="A340" s="5" t="s">
        <v>480</v>
      </c>
      <c r="B340" s="6">
        <v>3</v>
      </c>
      <c r="C340" s="5" t="s">
        <v>490</v>
      </c>
      <c r="D340" s="5" t="s">
        <v>491</v>
      </c>
    </row>
    <row r="341" spans="1:4" x14ac:dyDescent="0.25">
      <c r="A341" s="5" t="s">
        <v>480</v>
      </c>
      <c r="B341" s="6">
        <v>4</v>
      </c>
      <c r="C341" s="5" t="s">
        <v>489</v>
      </c>
      <c r="D341" s="5" t="s">
        <v>62</v>
      </c>
    </row>
    <row r="342" spans="1:4" x14ac:dyDescent="0.25">
      <c r="A342" s="5" t="s">
        <v>480</v>
      </c>
      <c r="B342" s="6">
        <v>5</v>
      </c>
      <c r="C342" s="5" t="s">
        <v>488</v>
      </c>
      <c r="D342" s="5" t="s">
        <v>87</v>
      </c>
    </row>
    <row r="343" spans="1:4" x14ac:dyDescent="0.25">
      <c r="A343" s="5" t="s">
        <v>480</v>
      </c>
      <c r="B343" s="6">
        <v>6</v>
      </c>
      <c r="C343" s="5" t="s">
        <v>487</v>
      </c>
      <c r="D343" s="5" t="s">
        <v>62</v>
      </c>
    </row>
    <row r="344" spans="1:4" x14ac:dyDescent="0.25">
      <c r="A344" s="5" t="s">
        <v>480</v>
      </c>
      <c r="B344" s="6">
        <v>7</v>
      </c>
      <c r="C344" s="5" t="s">
        <v>485</v>
      </c>
      <c r="D344" s="5" t="s">
        <v>486</v>
      </c>
    </row>
    <row r="345" spans="1:4" x14ac:dyDescent="0.25">
      <c r="A345" s="5" t="s">
        <v>480</v>
      </c>
      <c r="B345" s="6">
        <v>8</v>
      </c>
      <c r="C345" s="5" t="s">
        <v>484</v>
      </c>
      <c r="D345" s="5" t="s">
        <v>157</v>
      </c>
    </row>
    <row r="346" spans="1:4" x14ac:dyDescent="0.25">
      <c r="A346" s="5" t="s">
        <v>480</v>
      </c>
      <c r="B346" s="6">
        <v>9</v>
      </c>
      <c r="C346" s="5" t="s">
        <v>483</v>
      </c>
      <c r="D346" s="5" t="s">
        <v>339</v>
      </c>
    </row>
    <row r="347" spans="1:4" x14ac:dyDescent="0.25">
      <c r="A347" s="5" t="s">
        <v>480</v>
      </c>
      <c r="B347" s="6">
        <v>10</v>
      </c>
      <c r="C347" s="5" t="s">
        <v>481</v>
      </c>
      <c r="D347" s="5" t="s">
        <v>482</v>
      </c>
    </row>
    <row r="348" spans="1:4" x14ac:dyDescent="0.25">
      <c r="A348" s="5" t="s">
        <v>494</v>
      </c>
      <c r="B348" s="6">
        <v>1</v>
      </c>
      <c r="C348" s="5" t="s">
        <v>505</v>
      </c>
      <c r="D348" s="5" t="s">
        <v>405</v>
      </c>
    </row>
    <row r="349" spans="1:4" x14ac:dyDescent="0.25">
      <c r="A349" s="5" t="s">
        <v>494</v>
      </c>
      <c r="B349" s="6">
        <v>2</v>
      </c>
      <c r="C349" s="5" t="s">
        <v>503</v>
      </c>
      <c r="D349" s="5" t="s">
        <v>504</v>
      </c>
    </row>
    <row r="350" spans="1:4" x14ac:dyDescent="0.25">
      <c r="A350" s="5" t="s">
        <v>494</v>
      </c>
      <c r="B350" s="6">
        <v>3</v>
      </c>
      <c r="C350" s="5" t="s">
        <v>502</v>
      </c>
      <c r="D350" s="5" t="s">
        <v>361</v>
      </c>
    </row>
    <row r="351" spans="1:4" x14ac:dyDescent="0.25">
      <c r="A351" s="5" t="s">
        <v>494</v>
      </c>
      <c r="B351" s="6">
        <v>4</v>
      </c>
      <c r="C351" s="5" t="s">
        <v>501</v>
      </c>
      <c r="D351" s="5" t="s">
        <v>141</v>
      </c>
    </row>
    <row r="352" spans="1:4" x14ac:dyDescent="0.25">
      <c r="A352" s="5" t="s">
        <v>494</v>
      </c>
      <c r="B352" s="6">
        <v>5</v>
      </c>
      <c r="C352" s="5" t="s">
        <v>500</v>
      </c>
      <c r="D352" s="5" t="s">
        <v>40</v>
      </c>
    </row>
    <row r="353" spans="1:4" x14ac:dyDescent="0.25">
      <c r="A353" s="5" t="s">
        <v>494</v>
      </c>
      <c r="B353" s="6">
        <v>6</v>
      </c>
      <c r="C353" s="5" t="s">
        <v>499</v>
      </c>
      <c r="D353" s="5" t="s">
        <v>243</v>
      </c>
    </row>
    <row r="354" spans="1:4" x14ac:dyDescent="0.25">
      <c r="A354" s="5" t="s">
        <v>494</v>
      </c>
      <c r="B354" s="6">
        <v>7</v>
      </c>
      <c r="C354" s="5" t="s">
        <v>498</v>
      </c>
      <c r="D354" s="5" t="s">
        <v>405</v>
      </c>
    </row>
    <row r="355" spans="1:4" x14ac:dyDescent="0.25">
      <c r="A355" s="5" t="s">
        <v>494</v>
      </c>
      <c r="B355" s="6">
        <v>8</v>
      </c>
      <c r="C355" s="5" t="s">
        <v>497</v>
      </c>
      <c r="D355" s="5" t="s">
        <v>29</v>
      </c>
    </row>
    <row r="356" spans="1:4" x14ac:dyDescent="0.25">
      <c r="A356" s="5" t="s">
        <v>494</v>
      </c>
      <c r="B356" s="6">
        <v>9</v>
      </c>
      <c r="C356" s="5" t="s">
        <v>496</v>
      </c>
      <c r="D356" s="5" t="s">
        <v>198</v>
      </c>
    </row>
    <row r="357" spans="1:4" x14ac:dyDescent="0.25">
      <c r="A357" s="5" t="s">
        <v>494</v>
      </c>
      <c r="B357" s="6">
        <v>10</v>
      </c>
      <c r="C357" s="5" t="s">
        <v>495</v>
      </c>
      <c r="D357" s="5" t="s">
        <v>40</v>
      </c>
    </row>
    <row r="358" spans="1:4" x14ac:dyDescent="0.25">
      <c r="A358" s="5" t="s">
        <v>506</v>
      </c>
      <c r="B358" s="6">
        <v>1</v>
      </c>
      <c r="C358" s="5" t="s">
        <v>516</v>
      </c>
      <c r="D358" s="5" t="s">
        <v>22</v>
      </c>
    </row>
    <row r="359" spans="1:4" x14ac:dyDescent="0.25">
      <c r="A359" s="5" t="s">
        <v>506</v>
      </c>
      <c r="B359" s="6">
        <v>2</v>
      </c>
      <c r="C359" s="5" t="s">
        <v>515</v>
      </c>
      <c r="D359" s="5" t="s">
        <v>42</v>
      </c>
    </row>
    <row r="360" spans="1:4" x14ac:dyDescent="0.25">
      <c r="A360" s="5" t="s">
        <v>506</v>
      </c>
      <c r="B360" s="6">
        <v>3</v>
      </c>
      <c r="C360" s="5" t="s">
        <v>514</v>
      </c>
      <c r="D360" s="5" t="s">
        <v>116</v>
      </c>
    </row>
    <row r="361" spans="1:4" x14ac:dyDescent="0.25">
      <c r="A361" s="5" t="s">
        <v>506</v>
      </c>
      <c r="B361" s="6">
        <v>4</v>
      </c>
      <c r="C361" s="5" t="s">
        <v>513</v>
      </c>
      <c r="D361" s="5" t="s">
        <v>157</v>
      </c>
    </row>
    <row r="362" spans="1:4" x14ac:dyDescent="0.25">
      <c r="A362" s="5" t="s">
        <v>506</v>
      </c>
      <c r="B362" s="6">
        <v>5</v>
      </c>
      <c r="C362" s="5" t="s">
        <v>512</v>
      </c>
      <c r="D362" s="5" t="s">
        <v>40</v>
      </c>
    </row>
    <row r="363" spans="1:4" x14ac:dyDescent="0.25">
      <c r="A363" s="5" t="s">
        <v>506</v>
      </c>
      <c r="B363" s="6">
        <v>6</v>
      </c>
      <c r="C363" s="5" t="s">
        <v>511</v>
      </c>
      <c r="D363" s="5" t="s">
        <v>136</v>
      </c>
    </row>
    <row r="364" spans="1:4" x14ac:dyDescent="0.25">
      <c r="A364" s="5" t="s">
        <v>506</v>
      </c>
      <c r="B364" s="6">
        <v>7</v>
      </c>
      <c r="C364" s="5" t="s">
        <v>510</v>
      </c>
      <c r="D364" s="5" t="s">
        <v>13</v>
      </c>
    </row>
    <row r="365" spans="1:4" x14ac:dyDescent="0.25">
      <c r="A365" s="5" t="s">
        <v>506</v>
      </c>
      <c r="B365" s="6">
        <v>8</v>
      </c>
      <c r="C365" s="5" t="s">
        <v>509</v>
      </c>
      <c r="D365" s="5" t="s">
        <v>157</v>
      </c>
    </row>
    <row r="366" spans="1:4" x14ac:dyDescent="0.25">
      <c r="A366" s="5" t="s">
        <v>506</v>
      </c>
      <c r="B366" s="6">
        <v>9</v>
      </c>
      <c r="C366" s="5" t="s">
        <v>508</v>
      </c>
      <c r="D366" s="5" t="s">
        <v>131</v>
      </c>
    </row>
    <row r="367" spans="1:4" x14ac:dyDescent="0.25">
      <c r="A367" s="5" t="s">
        <v>506</v>
      </c>
      <c r="B367" s="6">
        <v>10</v>
      </c>
      <c r="C367" s="5" t="s">
        <v>507</v>
      </c>
      <c r="D367" s="5" t="s">
        <v>296</v>
      </c>
    </row>
    <row r="368" spans="1:4" x14ac:dyDescent="0.25">
      <c r="A368" s="5" t="s">
        <v>517</v>
      </c>
      <c r="B368" s="6">
        <v>1</v>
      </c>
      <c r="C368" s="5" t="s">
        <v>527</v>
      </c>
      <c r="D368" s="5" t="s">
        <v>136</v>
      </c>
    </row>
    <row r="369" spans="1:4" x14ac:dyDescent="0.25">
      <c r="A369" s="5" t="s">
        <v>517</v>
      </c>
      <c r="B369" s="6">
        <v>2</v>
      </c>
      <c r="C369" s="5" t="s">
        <v>526</v>
      </c>
      <c r="D369" s="5" t="s">
        <v>204</v>
      </c>
    </row>
    <row r="370" spans="1:4" x14ac:dyDescent="0.25">
      <c r="A370" s="5" t="s">
        <v>517</v>
      </c>
      <c r="B370" s="6">
        <v>3</v>
      </c>
      <c r="C370" s="5" t="s">
        <v>525</v>
      </c>
      <c r="D370" s="5" t="s">
        <v>281</v>
      </c>
    </row>
    <row r="371" spans="1:4" x14ac:dyDescent="0.25">
      <c r="A371" s="5" t="s">
        <v>517</v>
      </c>
      <c r="B371" s="6">
        <v>4</v>
      </c>
      <c r="C371" s="5" t="s">
        <v>524</v>
      </c>
      <c r="D371" s="5" t="s">
        <v>381</v>
      </c>
    </row>
    <row r="372" spans="1:4" x14ac:dyDescent="0.25">
      <c r="A372" s="5" t="s">
        <v>517</v>
      </c>
      <c r="B372" s="6">
        <v>5</v>
      </c>
      <c r="C372" s="5" t="s">
        <v>523</v>
      </c>
      <c r="D372" s="5" t="s">
        <v>448</v>
      </c>
    </row>
    <row r="373" spans="1:4" x14ac:dyDescent="0.25">
      <c r="A373" s="5" t="s">
        <v>517</v>
      </c>
      <c r="B373" s="6">
        <v>6</v>
      </c>
      <c r="C373" s="5" t="s">
        <v>522</v>
      </c>
      <c r="D373" s="5" t="s">
        <v>261</v>
      </c>
    </row>
    <row r="374" spans="1:4" x14ac:dyDescent="0.25">
      <c r="A374" s="5" t="s">
        <v>517</v>
      </c>
      <c r="B374" s="6">
        <v>7</v>
      </c>
      <c r="C374" s="5" t="s">
        <v>521</v>
      </c>
      <c r="D374" s="5" t="s">
        <v>164</v>
      </c>
    </row>
    <row r="375" spans="1:4" x14ac:dyDescent="0.25">
      <c r="A375" s="5" t="s">
        <v>517</v>
      </c>
      <c r="B375" s="6">
        <v>8</v>
      </c>
      <c r="C375" s="5" t="s">
        <v>520</v>
      </c>
      <c r="D375" s="5" t="s">
        <v>281</v>
      </c>
    </row>
    <row r="376" spans="1:4" x14ac:dyDescent="0.25">
      <c r="A376" s="5" t="s">
        <v>517</v>
      </c>
      <c r="B376" s="6">
        <v>9</v>
      </c>
      <c r="C376" s="5" t="s">
        <v>519</v>
      </c>
      <c r="D376" s="5" t="s">
        <v>491</v>
      </c>
    </row>
    <row r="377" spans="1:4" x14ac:dyDescent="0.25">
      <c r="A377" s="5" t="s">
        <v>517</v>
      </c>
      <c r="B377" s="6">
        <v>10</v>
      </c>
      <c r="C377" s="5" t="s">
        <v>518</v>
      </c>
      <c r="D377" s="5" t="s">
        <v>116</v>
      </c>
    </row>
    <row r="378" spans="1:4" x14ac:dyDescent="0.25">
      <c r="A378" s="5" t="s">
        <v>528</v>
      </c>
      <c r="B378" s="6">
        <v>1</v>
      </c>
      <c r="C378" s="5" t="s">
        <v>539</v>
      </c>
      <c r="D378" s="5" t="s">
        <v>40</v>
      </c>
    </row>
    <row r="379" spans="1:4" x14ac:dyDescent="0.25">
      <c r="A379" s="5" t="s">
        <v>528</v>
      </c>
      <c r="B379" s="6">
        <v>2</v>
      </c>
      <c r="C379" s="5" t="s">
        <v>538</v>
      </c>
      <c r="D379" s="5" t="s">
        <v>13</v>
      </c>
    </row>
    <row r="380" spans="1:4" x14ac:dyDescent="0.25">
      <c r="A380" s="5" t="s">
        <v>528</v>
      </c>
      <c r="B380" s="6">
        <v>3</v>
      </c>
      <c r="C380" s="5" t="s">
        <v>537</v>
      </c>
      <c r="D380" s="5" t="s">
        <v>62</v>
      </c>
    </row>
    <row r="381" spans="1:4" x14ac:dyDescent="0.25">
      <c r="A381" s="5" t="s">
        <v>528</v>
      </c>
      <c r="B381" s="6">
        <v>4</v>
      </c>
      <c r="C381" s="5" t="s">
        <v>536</v>
      </c>
      <c r="D381" s="5" t="s">
        <v>451</v>
      </c>
    </row>
    <row r="382" spans="1:4" x14ac:dyDescent="0.25">
      <c r="A382" s="5" t="s">
        <v>528</v>
      </c>
      <c r="B382" s="6">
        <v>5</v>
      </c>
      <c r="C382" s="5" t="s">
        <v>535</v>
      </c>
      <c r="D382" s="5" t="s">
        <v>104</v>
      </c>
    </row>
    <row r="383" spans="1:4" x14ac:dyDescent="0.25">
      <c r="A383" s="5" t="s">
        <v>528</v>
      </c>
      <c r="B383" s="6">
        <v>6</v>
      </c>
      <c r="C383" s="5" t="s">
        <v>534</v>
      </c>
      <c r="D383" s="5" t="s">
        <v>311</v>
      </c>
    </row>
    <row r="384" spans="1:4" x14ac:dyDescent="0.25">
      <c r="A384" s="5" t="s">
        <v>528</v>
      </c>
      <c r="B384" s="6">
        <v>7</v>
      </c>
      <c r="C384" s="5" t="s">
        <v>532</v>
      </c>
      <c r="D384" s="5" t="s">
        <v>533</v>
      </c>
    </row>
    <row r="385" spans="1:4" x14ac:dyDescent="0.25">
      <c r="A385" s="5" t="s">
        <v>528</v>
      </c>
      <c r="B385" s="6">
        <v>8</v>
      </c>
      <c r="C385" s="5" t="s">
        <v>531</v>
      </c>
      <c r="D385" s="5" t="s">
        <v>131</v>
      </c>
    </row>
    <row r="386" spans="1:4" x14ac:dyDescent="0.25">
      <c r="A386" s="5" t="s">
        <v>528</v>
      </c>
      <c r="B386" s="6">
        <v>9</v>
      </c>
      <c r="C386" s="5" t="s">
        <v>530</v>
      </c>
      <c r="D386" s="5" t="s">
        <v>80</v>
      </c>
    </row>
    <row r="387" spans="1:4" x14ac:dyDescent="0.25">
      <c r="A387" s="5" t="s">
        <v>528</v>
      </c>
      <c r="B387" s="6">
        <v>10</v>
      </c>
      <c r="C387" s="5" t="s">
        <v>529</v>
      </c>
      <c r="D387" s="5" t="s">
        <v>136</v>
      </c>
    </row>
    <row r="388" spans="1:4" x14ac:dyDescent="0.25">
      <c r="A388" s="5" t="s">
        <v>540</v>
      </c>
      <c r="B388" s="6">
        <v>1</v>
      </c>
      <c r="C388" s="5" t="s">
        <v>552</v>
      </c>
      <c r="D388" s="5" t="s">
        <v>126</v>
      </c>
    </row>
    <row r="389" spans="1:4" x14ac:dyDescent="0.25">
      <c r="A389" s="5" t="s">
        <v>540</v>
      </c>
      <c r="B389" s="6">
        <v>2</v>
      </c>
      <c r="C389" s="5" t="s">
        <v>551</v>
      </c>
      <c r="D389" s="5" t="s">
        <v>62</v>
      </c>
    </row>
    <row r="390" spans="1:4" x14ac:dyDescent="0.25">
      <c r="A390" s="5" t="s">
        <v>540</v>
      </c>
      <c r="B390" s="6">
        <v>3</v>
      </c>
      <c r="C390" s="5" t="s">
        <v>550</v>
      </c>
      <c r="D390" s="5" t="s">
        <v>32</v>
      </c>
    </row>
    <row r="391" spans="1:4" x14ac:dyDescent="0.25">
      <c r="A391" s="5" t="s">
        <v>540</v>
      </c>
      <c r="B391" s="6">
        <v>4</v>
      </c>
      <c r="C391" s="5" t="s">
        <v>549</v>
      </c>
      <c r="D391" s="5" t="s">
        <v>57</v>
      </c>
    </row>
    <row r="392" spans="1:4" x14ac:dyDescent="0.25">
      <c r="A392" s="5" t="s">
        <v>540</v>
      </c>
      <c r="B392" s="6">
        <v>5</v>
      </c>
      <c r="C392" s="5" t="s">
        <v>548</v>
      </c>
      <c r="D392" s="5" t="s">
        <v>131</v>
      </c>
    </row>
    <row r="393" spans="1:4" x14ac:dyDescent="0.25">
      <c r="A393" s="5" t="s">
        <v>540</v>
      </c>
      <c r="B393" s="6">
        <v>6</v>
      </c>
      <c r="C393" s="5" t="s">
        <v>547</v>
      </c>
      <c r="D393" s="5" t="s">
        <v>119</v>
      </c>
    </row>
    <row r="394" spans="1:4" x14ac:dyDescent="0.25">
      <c r="A394" s="5" t="s">
        <v>540</v>
      </c>
      <c r="B394" s="6">
        <v>7</v>
      </c>
      <c r="C394" s="5" t="s">
        <v>545</v>
      </c>
      <c r="D394" s="5" t="s">
        <v>546</v>
      </c>
    </row>
    <row r="395" spans="1:4" x14ac:dyDescent="0.25">
      <c r="A395" s="5" t="s">
        <v>540</v>
      </c>
      <c r="B395" s="6">
        <v>8</v>
      </c>
      <c r="C395" s="5" t="s">
        <v>543</v>
      </c>
      <c r="D395" s="5" t="s">
        <v>544</v>
      </c>
    </row>
    <row r="396" spans="1:4" x14ac:dyDescent="0.25">
      <c r="A396" s="5" t="s">
        <v>540</v>
      </c>
      <c r="B396" s="6">
        <v>9</v>
      </c>
      <c r="C396" s="5" t="s">
        <v>542</v>
      </c>
      <c r="D396" s="5" t="s">
        <v>40</v>
      </c>
    </row>
    <row r="397" spans="1:4" x14ac:dyDescent="0.25">
      <c r="A397" s="5" t="s">
        <v>540</v>
      </c>
      <c r="B397" s="6">
        <v>10</v>
      </c>
      <c r="C397" s="5" t="s">
        <v>541</v>
      </c>
      <c r="D397" s="5" t="s">
        <v>76</v>
      </c>
    </row>
    <row r="398" spans="1:4" x14ac:dyDescent="0.25">
      <c r="A398" s="5" t="s">
        <v>553</v>
      </c>
      <c r="B398" s="6">
        <v>1</v>
      </c>
      <c r="C398" s="5" t="s">
        <v>563</v>
      </c>
      <c r="D398" s="5" t="s">
        <v>116</v>
      </c>
    </row>
    <row r="399" spans="1:4" x14ac:dyDescent="0.25">
      <c r="A399" s="5" t="s">
        <v>553</v>
      </c>
      <c r="B399" s="6">
        <v>2</v>
      </c>
      <c r="C399" s="5" t="s">
        <v>562</v>
      </c>
      <c r="D399" s="5" t="s">
        <v>381</v>
      </c>
    </row>
    <row r="400" spans="1:4" x14ac:dyDescent="0.25">
      <c r="A400" s="5" t="s">
        <v>553</v>
      </c>
      <c r="B400" s="6">
        <v>3</v>
      </c>
      <c r="C400" s="5" t="s">
        <v>561</v>
      </c>
      <c r="D400" s="5" t="s">
        <v>284</v>
      </c>
    </row>
    <row r="401" spans="1:4" x14ac:dyDescent="0.25">
      <c r="A401" s="5" t="s">
        <v>553</v>
      </c>
      <c r="B401" s="6">
        <v>4</v>
      </c>
      <c r="C401" s="5" t="s">
        <v>560</v>
      </c>
      <c r="D401" s="5" t="s">
        <v>108</v>
      </c>
    </row>
    <row r="402" spans="1:4" x14ac:dyDescent="0.25">
      <c r="A402" s="5" t="s">
        <v>553</v>
      </c>
      <c r="B402" s="6">
        <v>5</v>
      </c>
      <c r="C402" s="5" t="s">
        <v>559</v>
      </c>
      <c r="D402" s="5" t="s">
        <v>437</v>
      </c>
    </row>
    <row r="403" spans="1:4" x14ac:dyDescent="0.25">
      <c r="A403" s="5" t="s">
        <v>553</v>
      </c>
      <c r="B403" s="6">
        <v>6</v>
      </c>
      <c r="C403" s="5" t="s">
        <v>558</v>
      </c>
      <c r="D403" s="5" t="s">
        <v>104</v>
      </c>
    </row>
    <row r="404" spans="1:4" x14ac:dyDescent="0.25">
      <c r="A404" s="5" t="s">
        <v>553</v>
      </c>
      <c r="B404" s="6">
        <v>7</v>
      </c>
      <c r="C404" s="5" t="s">
        <v>557</v>
      </c>
      <c r="D404" s="5" t="s">
        <v>38</v>
      </c>
    </row>
    <row r="405" spans="1:4" x14ac:dyDescent="0.25">
      <c r="A405" s="5" t="s">
        <v>553</v>
      </c>
      <c r="B405" s="6">
        <v>8</v>
      </c>
      <c r="C405" s="5" t="s">
        <v>556</v>
      </c>
      <c r="D405" s="5" t="s">
        <v>121</v>
      </c>
    </row>
    <row r="406" spans="1:4" x14ac:dyDescent="0.25">
      <c r="A406" s="5" t="s">
        <v>553</v>
      </c>
      <c r="B406" s="6">
        <v>9</v>
      </c>
      <c r="C406" s="5" t="s">
        <v>555</v>
      </c>
      <c r="D406" s="5" t="s">
        <v>268</v>
      </c>
    </row>
    <row r="407" spans="1:4" x14ac:dyDescent="0.25">
      <c r="A407" s="5" t="s">
        <v>553</v>
      </c>
      <c r="B407" s="6">
        <v>10</v>
      </c>
      <c r="C407" s="5" t="s">
        <v>554</v>
      </c>
      <c r="D407" s="5" t="s">
        <v>164</v>
      </c>
    </row>
    <row r="408" spans="1:4" x14ac:dyDescent="0.25">
      <c r="A408" s="5" t="s">
        <v>564</v>
      </c>
      <c r="B408" s="6">
        <v>1</v>
      </c>
      <c r="C408" s="5" t="s">
        <v>575</v>
      </c>
      <c r="D408" s="5" t="s">
        <v>226</v>
      </c>
    </row>
    <row r="409" spans="1:4" x14ac:dyDescent="0.25">
      <c r="A409" s="5" t="s">
        <v>564</v>
      </c>
      <c r="B409" s="6">
        <v>2</v>
      </c>
      <c r="C409" s="5" t="s">
        <v>574</v>
      </c>
      <c r="D409" s="5" t="s">
        <v>42</v>
      </c>
    </row>
    <row r="410" spans="1:4" x14ac:dyDescent="0.25">
      <c r="A410" s="5" t="s">
        <v>564</v>
      </c>
      <c r="B410" s="6">
        <v>3</v>
      </c>
      <c r="C410" s="5" t="s">
        <v>573</v>
      </c>
      <c r="D410" s="5" t="s">
        <v>124</v>
      </c>
    </row>
    <row r="411" spans="1:4" x14ac:dyDescent="0.25">
      <c r="A411" s="5" t="s">
        <v>564</v>
      </c>
      <c r="B411" s="6">
        <v>4</v>
      </c>
      <c r="C411" s="5" t="s">
        <v>572</v>
      </c>
      <c r="D411" s="5" t="s">
        <v>40</v>
      </c>
    </row>
    <row r="412" spans="1:4" x14ac:dyDescent="0.25">
      <c r="A412" s="5" t="s">
        <v>564</v>
      </c>
      <c r="B412" s="6">
        <v>5</v>
      </c>
      <c r="C412" s="5" t="s">
        <v>570</v>
      </c>
      <c r="D412" s="5" t="s">
        <v>571</v>
      </c>
    </row>
    <row r="413" spans="1:4" x14ac:dyDescent="0.25">
      <c r="A413" s="5" t="s">
        <v>564</v>
      </c>
      <c r="B413" s="6">
        <v>6</v>
      </c>
      <c r="C413" s="5" t="s">
        <v>569</v>
      </c>
      <c r="D413" s="5" t="s">
        <v>131</v>
      </c>
    </row>
    <row r="414" spans="1:4" x14ac:dyDescent="0.25">
      <c r="A414" s="5" t="s">
        <v>564</v>
      </c>
      <c r="B414" s="6">
        <v>7</v>
      </c>
      <c r="C414" s="5" t="s">
        <v>568</v>
      </c>
      <c r="D414" s="5" t="s">
        <v>201</v>
      </c>
    </row>
    <row r="415" spans="1:4" x14ac:dyDescent="0.25">
      <c r="A415" s="5" t="s">
        <v>564</v>
      </c>
      <c r="B415" s="6">
        <v>8</v>
      </c>
      <c r="C415" s="5" t="s">
        <v>567</v>
      </c>
      <c r="D415" s="5" t="s">
        <v>437</v>
      </c>
    </row>
    <row r="416" spans="1:4" x14ac:dyDescent="0.25">
      <c r="A416" s="5" t="s">
        <v>564</v>
      </c>
      <c r="B416" s="6">
        <v>9</v>
      </c>
      <c r="C416" s="5" t="s">
        <v>566</v>
      </c>
      <c r="D416" s="5" t="s">
        <v>201</v>
      </c>
    </row>
    <row r="417" spans="1:4" x14ac:dyDescent="0.25">
      <c r="A417" s="5" t="s">
        <v>564</v>
      </c>
      <c r="B417" s="6">
        <v>10</v>
      </c>
      <c r="C417" s="5" t="s">
        <v>565</v>
      </c>
      <c r="D417" s="5" t="s">
        <v>104</v>
      </c>
    </row>
    <row r="418" spans="1:4" x14ac:dyDescent="0.25">
      <c r="A418" s="5" t="s">
        <v>576</v>
      </c>
      <c r="B418" s="6">
        <v>1</v>
      </c>
      <c r="C418" s="5" t="s">
        <v>586</v>
      </c>
      <c r="D418" s="5" t="s">
        <v>38</v>
      </c>
    </row>
    <row r="419" spans="1:4" x14ac:dyDescent="0.25">
      <c r="A419" s="5" t="s">
        <v>576</v>
      </c>
      <c r="B419" s="6">
        <v>2</v>
      </c>
      <c r="C419" s="5" t="s">
        <v>585</v>
      </c>
      <c r="D419" s="5" t="s">
        <v>22</v>
      </c>
    </row>
    <row r="420" spans="1:4" x14ac:dyDescent="0.25">
      <c r="A420" s="5" t="s">
        <v>576</v>
      </c>
      <c r="B420" s="6">
        <v>3</v>
      </c>
      <c r="C420" s="5" t="s">
        <v>584</v>
      </c>
      <c r="D420" s="5" t="s">
        <v>16</v>
      </c>
    </row>
    <row r="421" spans="1:4" x14ac:dyDescent="0.25">
      <c r="A421" s="5" t="s">
        <v>576</v>
      </c>
      <c r="B421" s="6">
        <v>4</v>
      </c>
      <c r="C421" s="5" t="s">
        <v>583</v>
      </c>
      <c r="D421" s="5" t="s">
        <v>89</v>
      </c>
    </row>
    <row r="422" spans="1:4" x14ac:dyDescent="0.25">
      <c r="A422" s="5" t="s">
        <v>576</v>
      </c>
      <c r="B422" s="6">
        <v>5</v>
      </c>
      <c r="C422" s="5" t="s">
        <v>582</v>
      </c>
      <c r="D422" s="5" t="s">
        <v>108</v>
      </c>
    </row>
    <row r="423" spans="1:4" x14ac:dyDescent="0.25">
      <c r="A423" s="5" t="s">
        <v>576</v>
      </c>
      <c r="B423" s="6">
        <v>6</v>
      </c>
      <c r="C423" s="5" t="s">
        <v>581</v>
      </c>
      <c r="D423" s="5" t="s">
        <v>448</v>
      </c>
    </row>
    <row r="424" spans="1:4" x14ac:dyDescent="0.25">
      <c r="A424" s="5" t="s">
        <v>576</v>
      </c>
      <c r="B424" s="6">
        <v>7</v>
      </c>
      <c r="C424" s="5" t="s">
        <v>580</v>
      </c>
      <c r="D424" s="5" t="s">
        <v>381</v>
      </c>
    </row>
    <row r="425" spans="1:4" x14ac:dyDescent="0.25">
      <c r="A425" s="5" t="s">
        <v>576</v>
      </c>
      <c r="B425" s="6">
        <v>8</v>
      </c>
      <c r="C425" s="5" t="s">
        <v>579</v>
      </c>
      <c r="D425" s="5" t="s">
        <v>62</v>
      </c>
    </row>
    <row r="426" spans="1:4" x14ac:dyDescent="0.25">
      <c r="A426" s="5" t="s">
        <v>576</v>
      </c>
      <c r="B426" s="6">
        <v>9</v>
      </c>
      <c r="C426" s="5" t="s">
        <v>578</v>
      </c>
      <c r="D426" s="5" t="s">
        <v>104</v>
      </c>
    </row>
    <row r="427" spans="1:4" x14ac:dyDescent="0.25">
      <c r="A427" s="5" t="s">
        <v>576</v>
      </c>
      <c r="B427" s="6">
        <v>10</v>
      </c>
      <c r="C427" s="5" t="s">
        <v>577</v>
      </c>
      <c r="D427" s="5" t="s">
        <v>124</v>
      </c>
    </row>
    <row r="428" spans="1:4" x14ac:dyDescent="0.25">
      <c r="A428" s="5" t="s">
        <v>587</v>
      </c>
      <c r="B428" s="6">
        <v>1</v>
      </c>
      <c r="C428" s="5" t="s">
        <v>599</v>
      </c>
      <c r="D428" s="5" t="s">
        <v>57</v>
      </c>
    </row>
    <row r="429" spans="1:4" x14ac:dyDescent="0.25">
      <c r="A429" s="5" t="s">
        <v>587</v>
      </c>
      <c r="B429" s="6">
        <v>2</v>
      </c>
      <c r="C429" s="5" t="s">
        <v>598</v>
      </c>
      <c r="D429" s="5" t="s">
        <v>381</v>
      </c>
    </row>
    <row r="430" spans="1:4" x14ac:dyDescent="0.25">
      <c r="A430" s="5" t="s">
        <v>587</v>
      </c>
      <c r="B430" s="6">
        <v>3</v>
      </c>
      <c r="C430" s="5" t="s">
        <v>596</v>
      </c>
      <c r="D430" s="5" t="s">
        <v>597</v>
      </c>
    </row>
    <row r="431" spans="1:4" x14ac:dyDescent="0.25">
      <c r="A431" s="5" t="s">
        <v>587</v>
      </c>
      <c r="B431" s="6">
        <v>4</v>
      </c>
      <c r="C431" s="5" t="s">
        <v>594</v>
      </c>
      <c r="D431" s="5" t="s">
        <v>595</v>
      </c>
    </row>
    <row r="432" spans="1:4" x14ac:dyDescent="0.25">
      <c r="A432" s="5" t="s">
        <v>587</v>
      </c>
      <c r="B432" s="6">
        <v>5</v>
      </c>
      <c r="C432" s="5" t="s">
        <v>593</v>
      </c>
      <c r="D432" s="5" t="s">
        <v>131</v>
      </c>
    </row>
    <row r="433" spans="1:4" x14ac:dyDescent="0.25">
      <c r="A433" s="5" t="s">
        <v>587</v>
      </c>
      <c r="B433" s="6">
        <v>6</v>
      </c>
      <c r="C433" s="5" t="s">
        <v>592</v>
      </c>
      <c r="D433" s="5" t="s">
        <v>40</v>
      </c>
    </row>
    <row r="434" spans="1:4" x14ac:dyDescent="0.25">
      <c r="A434" s="5" t="s">
        <v>587</v>
      </c>
      <c r="B434" s="6">
        <v>7</v>
      </c>
      <c r="C434" s="5" t="s">
        <v>591</v>
      </c>
      <c r="D434" s="5" t="s">
        <v>11</v>
      </c>
    </row>
    <row r="435" spans="1:4" x14ac:dyDescent="0.25">
      <c r="A435" s="5" t="s">
        <v>587</v>
      </c>
      <c r="B435" s="6">
        <v>8</v>
      </c>
      <c r="C435" s="5" t="s">
        <v>590</v>
      </c>
      <c r="D435" s="5" t="s">
        <v>87</v>
      </c>
    </row>
    <row r="436" spans="1:4" x14ac:dyDescent="0.25">
      <c r="A436" s="5" t="s">
        <v>587</v>
      </c>
      <c r="B436" s="6">
        <v>9</v>
      </c>
      <c r="C436" s="5" t="s">
        <v>589</v>
      </c>
      <c r="D436" s="5" t="s">
        <v>104</v>
      </c>
    </row>
    <row r="437" spans="1:4" x14ac:dyDescent="0.25">
      <c r="A437" s="5" t="s">
        <v>587</v>
      </c>
      <c r="B437" s="6">
        <v>10</v>
      </c>
      <c r="C437" s="5" t="s">
        <v>588</v>
      </c>
      <c r="D437" s="5" t="s">
        <v>129</v>
      </c>
    </row>
    <row r="438" spans="1:4" x14ac:dyDescent="0.25">
      <c r="A438" s="5" t="s">
        <v>600</v>
      </c>
      <c r="B438" s="6">
        <v>1</v>
      </c>
      <c r="C438" s="5" t="s">
        <v>610</v>
      </c>
      <c r="D438" s="5" t="s">
        <v>32</v>
      </c>
    </row>
    <row r="439" spans="1:4" x14ac:dyDescent="0.25">
      <c r="A439" s="5" t="s">
        <v>600</v>
      </c>
      <c r="B439" s="6">
        <v>2</v>
      </c>
      <c r="C439" s="5" t="s">
        <v>609</v>
      </c>
      <c r="D439" s="5" t="s">
        <v>27</v>
      </c>
    </row>
    <row r="440" spans="1:4" x14ac:dyDescent="0.25">
      <c r="A440" s="5" t="s">
        <v>600</v>
      </c>
      <c r="B440" s="6">
        <v>3</v>
      </c>
      <c r="C440" s="5" t="s">
        <v>608</v>
      </c>
      <c r="D440" s="5" t="s">
        <v>284</v>
      </c>
    </row>
    <row r="441" spans="1:4" x14ac:dyDescent="0.25">
      <c r="A441" s="5" t="s">
        <v>600</v>
      </c>
      <c r="B441" s="6">
        <v>4</v>
      </c>
      <c r="C441" s="5" t="s">
        <v>607</v>
      </c>
      <c r="D441" s="5" t="s">
        <v>131</v>
      </c>
    </row>
    <row r="442" spans="1:4" x14ac:dyDescent="0.25">
      <c r="A442" s="5" t="s">
        <v>600</v>
      </c>
      <c r="B442" s="6">
        <v>5</v>
      </c>
      <c r="C442" s="5" t="s">
        <v>606</v>
      </c>
      <c r="D442" s="5" t="s">
        <v>36</v>
      </c>
    </row>
    <row r="443" spans="1:4" x14ac:dyDescent="0.25">
      <c r="A443" s="5" t="s">
        <v>600</v>
      </c>
      <c r="B443" s="6">
        <v>6</v>
      </c>
      <c r="C443" s="5" t="s">
        <v>605</v>
      </c>
      <c r="D443" s="5" t="s">
        <v>270</v>
      </c>
    </row>
    <row r="444" spans="1:4" x14ac:dyDescent="0.25">
      <c r="A444" s="5" t="s">
        <v>600</v>
      </c>
      <c r="B444" s="6">
        <v>7</v>
      </c>
      <c r="C444" s="5" t="s">
        <v>604</v>
      </c>
      <c r="D444" s="5" t="s">
        <v>27</v>
      </c>
    </row>
    <row r="445" spans="1:4" x14ac:dyDescent="0.25">
      <c r="A445" s="5" t="s">
        <v>600</v>
      </c>
      <c r="B445" s="6">
        <v>8</v>
      </c>
      <c r="C445" s="5" t="s">
        <v>603</v>
      </c>
      <c r="D445" s="5" t="s">
        <v>46</v>
      </c>
    </row>
    <row r="446" spans="1:4" x14ac:dyDescent="0.25">
      <c r="A446" s="5" t="s">
        <v>600</v>
      </c>
      <c r="B446" s="6">
        <v>9</v>
      </c>
      <c r="C446" s="5" t="s">
        <v>602</v>
      </c>
      <c r="D446" s="5" t="s">
        <v>29</v>
      </c>
    </row>
    <row r="447" spans="1:4" x14ac:dyDescent="0.25">
      <c r="A447" s="5" t="s">
        <v>600</v>
      </c>
      <c r="B447" s="6">
        <v>10</v>
      </c>
      <c r="C447" s="5" t="s">
        <v>601</v>
      </c>
      <c r="D447" s="5" t="s">
        <v>9</v>
      </c>
    </row>
    <row r="448" spans="1:4" x14ac:dyDescent="0.25">
      <c r="A448" s="5" t="s">
        <v>611</v>
      </c>
      <c r="B448" s="6">
        <v>1</v>
      </c>
      <c r="C448" s="5" t="s">
        <v>621</v>
      </c>
      <c r="D448" s="5" t="s">
        <v>164</v>
      </c>
    </row>
    <row r="449" spans="1:4" x14ac:dyDescent="0.25">
      <c r="A449" s="5" t="s">
        <v>611</v>
      </c>
      <c r="B449" s="6">
        <v>2</v>
      </c>
      <c r="C449" s="5" t="s">
        <v>620</v>
      </c>
      <c r="D449" s="5" t="s">
        <v>226</v>
      </c>
    </row>
    <row r="450" spans="1:4" x14ac:dyDescent="0.25">
      <c r="A450" s="5" t="s">
        <v>611</v>
      </c>
      <c r="B450" s="6">
        <v>3</v>
      </c>
      <c r="C450" s="5" t="s">
        <v>619</v>
      </c>
      <c r="D450" s="5" t="s">
        <v>9</v>
      </c>
    </row>
    <row r="451" spans="1:4" x14ac:dyDescent="0.25">
      <c r="A451" s="5" t="s">
        <v>611</v>
      </c>
      <c r="B451" s="6">
        <v>4</v>
      </c>
      <c r="C451" s="5" t="s">
        <v>618</v>
      </c>
      <c r="D451" s="5" t="s">
        <v>198</v>
      </c>
    </row>
    <row r="452" spans="1:4" x14ac:dyDescent="0.25">
      <c r="A452" s="5" t="s">
        <v>611</v>
      </c>
      <c r="B452" s="6">
        <v>5</v>
      </c>
      <c r="C452" s="5" t="s">
        <v>617</v>
      </c>
      <c r="D452" s="5" t="s">
        <v>108</v>
      </c>
    </row>
    <row r="453" spans="1:4" x14ac:dyDescent="0.25">
      <c r="A453" s="5" t="s">
        <v>611</v>
      </c>
      <c r="B453" s="6">
        <v>6</v>
      </c>
      <c r="C453" s="5" t="s">
        <v>616</v>
      </c>
      <c r="D453" s="5" t="s">
        <v>18</v>
      </c>
    </row>
    <row r="454" spans="1:4" x14ac:dyDescent="0.25">
      <c r="A454" s="5" t="s">
        <v>611</v>
      </c>
      <c r="B454" s="6">
        <v>7</v>
      </c>
      <c r="C454" s="5" t="s">
        <v>615</v>
      </c>
      <c r="D454" s="5" t="s">
        <v>22</v>
      </c>
    </row>
    <row r="455" spans="1:4" x14ac:dyDescent="0.25">
      <c r="A455" s="5" t="s">
        <v>611</v>
      </c>
      <c r="B455" s="6">
        <v>8</v>
      </c>
      <c r="C455" s="5" t="s">
        <v>614</v>
      </c>
      <c r="D455" s="5" t="s">
        <v>402</v>
      </c>
    </row>
    <row r="456" spans="1:4" x14ac:dyDescent="0.25">
      <c r="A456" s="5" t="s">
        <v>611</v>
      </c>
      <c r="B456" s="6">
        <v>9</v>
      </c>
      <c r="C456" s="5" t="s">
        <v>613</v>
      </c>
      <c r="D456" s="5" t="s">
        <v>40</v>
      </c>
    </row>
    <row r="457" spans="1:4" x14ac:dyDescent="0.25">
      <c r="A457" s="5" t="s">
        <v>611</v>
      </c>
      <c r="B457" s="6">
        <v>10</v>
      </c>
      <c r="C457" s="5" t="s">
        <v>612</v>
      </c>
      <c r="D457" s="5" t="s">
        <v>16</v>
      </c>
    </row>
    <row r="458" spans="1:4" x14ac:dyDescent="0.25">
      <c r="A458" s="5" t="s">
        <v>622</v>
      </c>
      <c r="B458" s="6">
        <v>1</v>
      </c>
      <c r="C458" s="5" t="s">
        <v>632</v>
      </c>
      <c r="D458" s="5" t="s">
        <v>16</v>
      </c>
    </row>
    <row r="459" spans="1:4" x14ac:dyDescent="0.25">
      <c r="A459" s="5" t="s">
        <v>622</v>
      </c>
      <c r="B459" s="6">
        <v>2</v>
      </c>
      <c r="C459" s="5" t="s">
        <v>631</v>
      </c>
      <c r="D459" s="5" t="s">
        <v>134</v>
      </c>
    </row>
    <row r="460" spans="1:4" x14ac:dyDescent="0.25">
      <c r="A460" s="5" t="s">
        <v>622</v>
      </c>
      <c r="B460" s="6">
        <v>3</v>
      </c>
      <c r="C460" s="5" t="s">
        <v>630</v>
      </c>
      <c r="D460" s="5" t="s">
        <v>456</v>
      </c>
    </row>
    <row r="461" spans="1:4" x14ac:dyDescent="0.25">
      <c r="A461" s="5" t="s">
        <v>622</v>
      </c>
      <c r="B461" s="6">
        <v>4</v>
      </c>
      <c r="C461" s="5" t="s">
        <v>629</v>
      </c>
      <c r="D461" s="5" t="s">
        <v>13</v>
      </c>
    </row>
    <row r="462" spans="1:4" x14ac:dyDescent="0.25">
      <c r="A462" s="5" t="s">
        <v>622</v>
      </c>
      <c r="B462" s="6">
        <v>5</v>
      </c>
      <c r="C462" s="5" t="s">
        <v>628</v>
      </c>
      <c r="D462" s="5" t="s">
        <v>57</v>
      </c>
    </row>
    <row r="463" spans="1:4" x14ac:dyDescent="0.25">
      <c r="A463" s="5" t="s">
        <v>622</v>
      </c>
      <c r="B463" s="6">
        <v>6</v>
      </c>
      <c r="C463" s="5" t="s">
        <v>627</v>
      </c>
      <c r="D463" s="5" t="s">
        <v>40</v>
      </c>
    </row>
    <row r="464" spans="1:4" x14ac:dyDescent="0.25">
      <c r="A464" s="5" t="s">
        <v>622</v>
      </c>
      <c r="B464" s="6">
        <v>7</v>
      </c>
      <c r="C464" s="5" t="s">
        <v>626</v>
      </c>
      <c r="D464" s="5" t="s">
        <v>491</v>
      </c>
    </row>
    <row r="465" spans="1:4" x14ac:dyDescent="0.25">
      <c r="A465" s="5" t="s">
        <v>622</v>
      </c>
      <c r="B465" s="6">
        <v>8</v>
      </c>
      <c r="C465" s="5" t="s">
        <v>625</v>
      </c>
      <c r="D465" s="5" t="s">
        <v>358</v>
      </c>
    </row>
    <row r="466" spans="1:4" x14ac:dyDescent="0.25">
      <c r="A466" s="5" t="s">
        <v>622</v>
      </c>
      <c r="B466" s="6">
        <v>9</v>
      </c>
      <c r="C466" s="5" t="s">
        <v>624</v>
      </c>
      <c r="D466" s="5" t="s">
        <v>80</v>
      </c>
    </row>
    <row r="467" spans="1:4" x14ac:dyDescent="0.25">
      <c r="A467" s="5" t="s">
        <v>622</v>
      </c>
      <c r="B467" s="6">
        <v>10</v>
      </c>
      <c r="C467" s="5" t="s">
        <v>623</v>
      </c>
      <c r="D467" s="5" t="s">
        <v>284</v>
      </c>
    </row>
    <row r="468" spans="1:4" x14ac:dyDescent="0.25">
      <c r="A468" s="5" t="s">
        <v>633</v>
      </c>
      <c r="B468" s="6">
        <v>1</v>
      </c>
      <c r="C468" s="5" t="s">
        <v>643</v>
      </c>
      <c r="D468" s="5" t="s">
        <v>40</v>
      </c>
    </row>
    <row r="469" spans="1:4" x14ac:dyDescent="0.25">
      <c r="A469" s="5" t="s">
        <v>633</v>
      </c>
      <c r="B469" s="6">
        <v>2</v>
      </c>
      <c r="C469" s="5" t="s">
        <v>642</v>
      </c>
      <c r="D469" s="5" t="s">
        <v>32</v>
      </c>
    </row>
    <row r="470" spans="1:4" x14ac:dyDescent="0.25">
      <c r="A470" s="5" t="s">
        <v>633</v>
      </c>
      <c r="B470" s="6">
        <v>3</v>
      </c>
      <c r="C470" s="5" t="s">
        <v>641</v>
      </c>
      <c r="D470" s="5" t="s">
        <v>129</v>
      </c>
    </row>
    <row r="471" spans="1:4" x14ac:dyDescent="0.25">
      <c r="A471" s="5" t="s">
        <v>633</v>
      </c>
      <c r="B471" s="6">
        <v>4</v>
      </c>
      <c r="C471" s="5" t="s">
        <v>640</v>
      </c>
      <c r="D471" s="5" t="s">
        <v>9</v>
      </c>
    </row>
    <row r="472" spans="1:4" x14ac:dyDescent="0.25">
      <c r="A472" s="5" t="s">
        <v>633</v>
      </c>
      <c r="B472" s="6">
        <v>5</v>
      </c>
      <c r="C472" s="5" t="s">
        <v>639</v>
      </c>
      <c r="D472" s="5" t="s">
        <v>46</v>
      </c>
    </row>
    <row r="473" spans="1:4" x14ac:dyDescent="0.25">
      <c r="A473" s="5" t="s">
        <v>633</v>
      </c>
      <c r="B473" s="6">
        <v>6</v>
      </c>
      <c r="C473" s="5" t="s">
        <v>638</v>
      </c>
      <c r="D473" s="5" t="s">
        <v>82</v>
      </c>
    </row>
    <row r="474" spans="1:4" x14ac:dyDescent="0.25">
      <c r="A474" s="5" t="s">
        <v>633</v>
      </c>
      <c r="B474" s="6">
        <v>7</v>
      </c>
      <c r="C474" s="5" t="s">
        <v>637</v>
      </c>
      <c r="D474" s="5" t="s">
        <v>104</v>
      </c>
    </row>
    <row r="475" spans="1:4" x14ac:dyDescent="0.25">
      <c r="A475" s="5" t="s">
        <v>633</v>
      </c>
      <c r="B475" s="6">
        <v>8</v>
      </c>
      <c r="C475" s="5" t="s">
        <v>636</v>
      </c>
      <c r="D475" s="5" t="s">
        <v>16</v>
      </c>
    </row>
    <row r="476" spans="1:4" x14ac:dyDescent="0.25">
      <c r="A476" s="5" t="s">
        <v>633</v>
      </c>
      <c r="B476" s="6">
        <v>9</v>
      </c>
      <c r="C476" s="5" t="s">
        <v>146</v>
      </c>
      <c r="D476" s="5" t="s">
        <v>131</v>
      </c>
    </row>
    <row r="477" spans="1:4" x14ac:dyDescent="0.25">
      <c r="A477" s="5" t="s">
        <v>633</v>
      </c>
      <c r="B477" s="6">
        <v>10</v>
      </c>
      <c r="C477" s="5" t="s">
        <v>634</v>
      </c>
      <c r="D477" s="5" t="s">
        <v>635</v>
      </c>
    </row>
    <row r="478" spans="1:4" x14ac:dyDescent="0.25">
      <c r="A478" s="5" t="s">
        <v>644</v>
      </c>
      <c r="B478" s="6">
        <v>1</v>
      </c>
      <c r="C478" s="5" t="s">
        <v>654</v>
      </c>
      <c r="D478" s="5" t="s">
        <v>131</v>
      </c>
    </row>
    <row r="479" spans="1:4" x14ac:dyDescent="0.25">
      <c r="A479" s="5" t="s">
        <v>644</v>
      </c>
      <c r="B479" s="6">
        <v>2</v>
      </c>
      <c r="C479" s="5" t="s">
        <v>653</v>
      </c>
      <c r="D479" s="5" t="s">
        <v>16</v>
      </c>
    </row>
    <row r="480" spans="1:4" x14ac:dyDescent="0.25">
      <c r="A480" s="5" t="s">
        <v>644</v>
      </c>
      <c r="B480" s="6">
        <v>3</v>
      </c>
      <c r="C480" s="5" t="s">
        <v>652</v>
      </c>
      <c r="D480" s="5" t="s">
        <v>363</v>
      </c>
    </row>
    <row r="481" spans="1:4" x14ac:dyDescent="0.25">
      <c r="A481" s="5" t="s">
        <v>644</v>
      </c>
      <c r="B481" s="6">
        <v>4</v>
      </c>
      <c r="C481" s="5" t="s">
        <v>651</v>
      </c>
      <c r="D481" s="5" t="s">
        <v>119</v>
      </c>
    </row>
    <row r="482" spans="1:4" x14ac:dyDescent="0.25">
      <c r="A482" s="5" t="s">
        <v>644</v>
      </c>
      <c r="B482" s="6">
        <v>5</v>
      </c>
      <c r="C482" s="5" t="s">
        <v>650</v>
      </c>
      <c r="D482" s="5" t="s">
        <v>13</v>
      </c>
    </row>
    <row r="483" spans="1:4" x14ac:dyDescent="0.25">
      <c r="A483" s="5" t="s">
        <v>644</v>
      </c>
      <c r="B483" s="6">
        <v>6</v>
      </c>
      <c r="C483" s="5" t="s">
        <v>649</v>
      </c>
      <c r="D483" s="5" t="s">
        <v>13</v>
      </c>
    </row>
    <row r="484" spans="1:4" x14ac:dyDescent="0.25">
      <c r="A484" s="5" t="s">
        <v>644</v>
      </c>
      <c r="B484" s="6">
        <v>7</v>
      </c>
      <c r="C484" s="5" t="s">
        <v>648</v>
      </c>
      <c r="D484" s="5" t="s">
        <v>358</v>
      </c>
    </row>
    <row r="485" spans="1:4" x14ac:dyDescent="0.25">
      <c r="A485" s="5" t="s">
        <v>644</v>
      </c>
      <c r="B485" s="6">
        <v>8</v>
      </c>
      <c r="C485" s="5" t="s">
        <v>647</v>
      </c>
      <c r="D485" s="5" t="s">
        <v>40</v>
      </c>
    </row>
    <row r="486" spans="1:4" x14ac:dyDescent="0.25">
      <c r="A486" s="5" t="s">
        <v>644</v>
      </c>
      <c r="B486" s="6">
        <v>9</v>
      </c>
      <c r="C486" s="5" t="s">
        <v>646</v>
      </c>
      <c r="D486" s="5" t="s">
        <v>456</v>
      </c>
    </row>
    <row r="487" spans="1:4" x14ac:dyDescent="0.25">
      <c r="A487" s="5" t="s">
        <v>644</v>
      </c>
      <c r="B487" s="6">
        <v>10</v>
      </c>
      <c r="C487" s="5" t="s">
        <v>645</v>
      </c>
      <c r="D487" s="5" t="s">
        <v>71</v>
      </c>
    </row>
    <row r="488" spans="1:4" x14ac:dyDescent="0.25">
      <c r="A488" s="5" t="s">
        <v>655</v>
      </c>
      <c r="B488" s="6">
        <v>1</v>
      </c>
      <c r="C488" s="5" t="s">
        <v>659</v>
      </c>
      <c r="D488" s="5" t="s">
        <v>261</v>
      </c>
    </row>
    <row r="489" spans="1:4" x14ac:dyDescent="0.25">
      <c r="A489" s="5" t="s">
        <v>655</v>
      </c>
      <c r="B489" s="6">
        <v>2</v>
      </c>
      <c r="C489" s="5" t="s">
        <v>658</v>
      </c>
      <c r="D489" s="5" t="s">
        <v>214</v>
      </c>
    </row>
    <row r="490" spans="1:4" x14ac:dyDescent="0.25">
      <c r="A490" s="5" t="s">
        <v>655</v>
      </c>
      <c r="B490" s="6">
        <v>3</v>
      </c>
      <c r="C490" s="5" t="s">
        <v>657</v>
      </c>
      <c r="D490" s="5" t="s">
        <v>96</v>
      </c>
    </row>
    <row r="491" spans="1:4" x14ac:dyDescent="0.25">
      <c r="A491" s="5" t="s">
        <v>655</v>
      </c>
      <c r="B491" s="6">
        <v>4</v>
      </c>
      <c r="C491" s="5" t="s">
        <v>656</v>
      </c>
      <c r="D491" s="5" t="s">
        <v>74</v>
      </c>
    </row>
    <row r="492" spans="1:4" x14ac:dyDescent="0.25">
      <c r="A492" s="5" t="s">
        <v>660</v>
      </c>
      <c r="B492" s="6">
        <v>1</v>
      </c>
      <c r="C492" s="5" t="s">
        <v>670</v>
      </c>
      <c r="D492" s="5" t="s">
        <v>13</v>
      </c>
    </row>
    <row r="493" spans="1:4" x14ac:dyDescent="0.25">
      <c r="A493" s="5" t="s">
        <v>660</v>
      </c>
      <c r="B493" s="6">
        <v>2</v>
      </c>
      <c r="C493" s="5" t="s">
        <v>669</v>
      </c>
      <c r="D493" s="5" t="s">
        <v>42</v>
      </c>
    </row>
    <row r="494" spans="1:4" x14ac:dyDescent="0.25">
      <c r="A494" s="5" t="s">
        <v>660</v>
      </c>
      <c r="B494" s="6">
        <v>3</v>
      </c>
      <c r="C494" s="5" t="s">
        <v>668</v>
      </c>
      <c r="D494" s="5" t="s">
        <v>16</v>
      </c>
    </row>
    <row r="495" spans="1:4" x14ac:dyDescent="0.25">
      <c r="A495" s="5" t="s">
        <v>660</v>
      </c>
      <c r="B495" s="6">
        <v>4</v>
      </c>
      <c r="C495" s="5" t="s">
        <v>667</v>
      </c>
      <c r="D495" s="5" t="s">
        <v>226</v>
      </c>
    </row>
    <row r="496" spans="1:4" x14ac:dyDescent="0.25">
      <c r="A496" s="5" t="s">
        <v>660</v>
      </c>
      <c r="B496" s="6">
        <v>5</v>
      </c>
      <c r="C496" s="5" t="s">
        <v>666</v>
      </c>
      <c r="D496" s="5" t="s">
        <v>74</v>
      </c>
    </row>
    <row r="497" spans="1:4" x14ac:dyDescent="0.25">
      <c r="A497" s="5" t="s">
        <v>660</v>
      </c>
      <c r="B497" s="6">
        <v>6</v>
      </c>
      <c r="C497" s="5" t="s">
        <v>665</v>
      </c>
      <c r="D497" s="5" t="s">
        <v>136</v>
      </c>
    </row>
    <row r="498" spans="1:4" x14ac:dyDescent="0.25">
      <c r="A498" s="5" t="s">
        <v>660</v>
      </c>
      <c r="B498" s="6">
        <v>7</v>
      </c>
      <c r="C498" s="5" t="s">
        <v>664</v>
      </c>
      <c r="D498" s="5" t="s">
        <v>121</v>
      </c>
    </row>
    <row r="499" spans="1:4" x14ac:dyDescent="0.25">
      <c r="A499" s="5" t="s">
        <v>660</v>
      </c>
      <c r="B499" s="6">
        <v>8</v>
      </c>
      <c r="C499" s="5" t="s">
        <v>663</v>
      </c>
      <c r="D499" s="5" t="s">
        <v>119</v>
      </c>
    </row>
    <row r="500" spans="1:4" x14ac:dyDescent="0.25">
      <c r="A500" s="5" t="s">
        <v>660</v>
      </c>
      <c r="B500" s="6">
        <v>9</v>
      </c>
      <c r="C500" s="5" t="s">
        <v>662</v>
      </c>
      <c r="D500" s="5" t="s">
        <v>16</v>
      </c>
    </row>
    <row r="501" spans="1:4" x14ac:dyDescent="0.25">
      <c r="A501" s="5" t="s">
        <v>660</v>
      </c>
      <c r="B501" s="6">
        <v>10</v>
      </c>
      <c r="C501" s="5" t="s">
        <v>661</v>
      </c>
      <c r="D501" s="5" t="s">
        <v>435</v>
      </c>
    </row>
    <row r="502" spans="1:4" x14ac:dyDescent="0.25">
      <c r="A502" s="5" t="s">
        <v>671</v>
      </c>
      <c r="B502" s="6">
        <v>1</v>
      </c>
      <c r="C502" s="5" t="s">
        <v>677</v>
      </c>
      <c r="D502" s="5" t="s">
        <v>226</v>
      </c>
    </row>
    <row r="503" spans="1:4" x14ac:dyDescent="0.25">
      <c r="A503" s="5" t="s">
        <v>671</v>
      </c>
      <c r="B503" s="6">
        <v>2</v>
      </c>
      <c r="C503" s="5" t="s">
        <v>676</v>
      </c>
      <c r="D503" s="5" t="s">
        <v>76</v>
      </c>
    </row>
    <row r="504" spans="1:4" x14ac:dyDescent="0.25">
      <c r="A504" s="5" t="s">
        <v>671</v>
      </c>
      <c r="B504" s="6">
        <v>3</v>
      </c>
      <c r="C504" s="5" t="s">
        <v>675</v>
      </c>
      <c r="D504" s="5" t="s">
        <v>5</v>
      </c>
    </row>
    <row r="505" spans="1:4" x14ac:dyDescent="0.25">
      <c r="A505" s="5" t="s">
        <v>671</v>
      </c>
      <c r="B505" s="6">
        <v>4</v>
      </c>
      <c r="C505" s="5" t="s">
        <v>674</v>
      </c>
      <c r="D505" s="5" t="s">
        <v>157</v>
      </c>
    </row>
    <row r="506" spans="1:4" x14ac:dyDescent="0.25">
      <c r="A506" s="5" t="s">
        <v>671</v>
      </c>
      <c r="B506" s="6">
        <v>5</v>
      </c>
      <c r="C506" s="5" t="s">
        <v>673</v>
      </c>
      <c r="D506" s="5" t="s">
        <v>176</v>
      </c>
    </row>
    <row r="507" spans="1:4" x14ac:dyDescent="0.25">
      <c r="A507" s="5" t="s">
        <v>671</v>
      </c>
      <c r="B507" s="6">
        <v>6</v>
      </c>
      <c r="C507" s="5" t="s">
        <v>672</v>
      </c>
      <c r="D507" s="5" t="s">
        <v>491</v>
      </c>
    </row>
    <row r="508" spans="1:4" x14ac:dyDescent="0.25">
      <c r="A508" s="5" t="s">
        <v>678</v>
      </c>
      <c r="B508" s="6">
        <v>1</v>
      </c>
      <c r="C508" s="5" t="s">
        <v>689</v>
      </c>
      <c r="D508" s="5" t="s">
        <v>405</v>
      </c>
    </row>
    <row r="509" spans="1:4" x14ac:dyDescent="0.25">
      <c r="A509" s="5" t="s">
        <v>678</v>
      </c>
      <c r="B509" s="6">
        <v>2</v>
      </c>
      <c r="C509" s="5" t="s">
        <v>688</v>
      </c>
      <c r="D509" s="5" t="s">
        <v>40</v>
      </c>
    </row>
    <row r="510" spans="1:4" x14ac:dyDescent="0.25">
      <c r="A510" s="5" t="s">
        <v>678</v>
      </c>
      <c r="B510" s="6">
        <v>3</v>
      </c>
      <c r="C510" s="5" t="s">
        <v>687</v>
      </c>
      <c r="D510" s="5" t="s">
        <v>16</v>
      </c>
    </row>
    <row r="511" spans="1:4" x14ac:dyDescent="0.25">
      <c r="A511" s="5" t="s">
        <v>678</v>
      </c>
      <c r="B511" s="6">
        <v>4</v>
      </c>
      <c r="C511" s="5" t="s">
        <v>686</v>
      </c>
      <c r="D511" s="5" t="s">
        <v>405</v>
      </c>
    </row>
    <row r="512" spans="1:4" x14ac:dyDescent="0.25">
      <c r="A512" s="5" t="s">
        <v>678</v>
      </c>
      <c r="B512" s="6">
        <v>5</v>
      </c>
      <c r="C512" s="5" t="s">
        <v>685</v>
      </c>
      <c r="D512" s="5" t="s">
        <v>71</v>
      </c>
    </row>
    <row r="513" spans="1:4" x14ac:dyDescent="0.25">
      <c r="A513" s="5" t="s">
        <v>678</v>
      </c>
      <c r="B513" s="6">
        <v>6</v>
      </c>
      <c r="C513" s="5" t="s">
        <v>684</v>
      </c>
      <c r="D513" s="5" t="s">
        <v>121</v>
      </c>
    </row>
    <row r="514" spans="1:4" x14ac:dyDescent="0.25">
      <c r="A514" s="5" t="s">
        <v>678</v>
      </c>
      <c r="B514" s="6">
        <v>7</v>
      </c>
      <c r="C514" s="5" t="s">
        <v>683</v>
      </c>
      <c r="D514" s="5" t="s">
        <v>239</v>
      </c>
    </row>
    <row r="515" spans="1:4" x14ac:dyDescent="0.25">
      <c r="A515" s="5" t="s">
        <v>678</v>
      </c>
      <c r="B515" s="6">
        <v>8</v>
      </c>
      <c r="C515" s="5" t="s">
        <v>682</v>
      </c>
      <c r="D515" s="5" t="s">
        <v>456</v>
      </c>
    </row>
    <row r="516" spans="1:4" x14ac:dyDescent="0.25">
      <c r="A516" s="5" t="s">
        <v>678</v>
      </c>
      <c r="B516" s="6">
        <v>9</v>
      </c>
      <c r="C516" s="5" t="s">
        <v>681</v>
      </c>
      <c r="D516" s="5" t="s">
        <v>111</v>
      </c>
    </row>
    <row r="517" spans="1:4" x14ac:dyDescent="0.25">
      <c r="A517" s="5" t="s">
        <v>678</v>
      </c>
      <c r="B517" s="6">
        <v>10</v>
      </c>
      <c r="C517" s="5" t="s">
        <v>679</v>
      </c>
      <c r="D517" s="5" t="s">
        <v>680</v>
      </c>
    </row>
    <row r="518" spans="1:4" x14ac:dyDescent="0.25">
      <c r="A518" s="5" t="s">
        <v>690</v>
      </c>
      <c r="B518" s="6">
        <v>1</v>
      </c>
      <c r="C518" s="5" t="s">
        <v>700</v>
      </c>
      <c r="D518" s="5" t="s">
        <v>491</v>
      </c>
    </row>
    <row r="519" spans="1:4" x14ac:dyDescent="0.25">
      <c r="A519" s="5" t="s">
        <v>690</v>
      </c>
      <c r="B519" s="6">
        <v>2</v>
      </c>
      <c r="C519" s="5" t="s">
        <v>699</v>
      </c>
      <c r="D519" s="5" t="s">
        <v>451</v>
      </c>
    </row>
    <row r="520" spans="1:4" x14ac:dyDescent="0.25">
      <c r="A520" s="5" t="s">
        <v>690</v>
      </c>
      <c r="B520" s="6">
        <v>3</v>
      </c>
      <c r="C520" s="5" t="s">
        <v>698</v>
      </c>
      <c r="D520" s="5" t="s">
        <v>131</v>
      </c>
    </row>
    <row r="521" spans="1:4" x14ac:dyDescent="0.25">
      <c r="A521" s="5" t="s">
        <v>690</v>
      </c>
      <c r="B521" s="6">
        <v>4</v>
      </c>
      <c r="C521" s="5" t="s">
        <v>697</v>
      </c>
      <c r="D521" s="5" t="s">
        <v>131</v>
      </c>
    </row>
    <row r="522" spans="1:4" x14ac:dyDescent="0.25">
      <c r="A522" s="5" t="s">
        <v>690</v>
      </c>
      <c r="B522" s="6">
        <v>5</v>
      </c>
      <c r="C522" s="5" t="s">
        <v>696</v>
      </c>
      <c r="D522" s="5" t="s">
        <v>301</v>
      </c>
    </row>
    <row r="523" spans="1:4" x14ac:dyDescent="0.25">
      <c r="A523" s="5" t="s">
        <v>690</v>
      </c>
      <c r="B523" s="6">
        <v>6</v>
      </c>
      <c r="C523" s="5" t="s">
        <v>695</v>
      </c>
      <c r="D523" s="5" t="s">
        <v>46</v>
      </c>
    </row>
    <row r="524" spans="1:4" x14ac:dyDescent="0.25">
      <c r="A524" s="5" t="s">
        <v>690</v>
      </c>
      <c r="B524" s="6">
        <v>7</v>
      </c>
      <c r="C524" s="5" t="s">
        <v>694</v>
      </c>
      <c r="D524" s="5" t="s">
        <v>157</v>
      </c>
    </row>
    <row r="525" spans="1:4" x14ac:dyDescent="0.25">
      <c r="A525" s="5" t="s">
        <v>690</v>
      </c>
      <c r="B525" s="6">
        <v>8</v>
      </c>
      <c r="C525" s="5" t="s">
        <v>693</v>
      </c>
      <c r="D525" s="5" t="s">
        <v>40</v>
      </c>
    </row>
    <row r="526" spans="1:4" x14ac:dyDescent="0.25">
      <c r="A526" s="5" t="s">
        <v>690</v>
      </c>
      <c r="B526" s="6">
        <v>9</v>
      </c>
      <c r="C526" s="5" t="s">
        <v>692</v>
      </c>
      <c r="D526" s="5" t="s">
        <v>402</v>
      </c>
    </row>
    <row r="527" spans="1:4" x14ac:dyDescent="0.25">
      <c r="A527" s="5" t="s">
        <v>690</v>
      </c>
      <c r="B527" s="6">
        <v>10</v>
      </c>
      <c r="C527" s="5" t="s">
        <v>691</v>
      </c>
      <c r="D527" s="5" t="s">
        <v>100</v>
      </c>
    </row>
    <row r="528" spans="1:4" x14ac:dyDescent="0.25">
      <c r="A528" s="5" t="s">
        <v>701</v>
      </c>
      <c r="B528" s="6">
        <v>1</v>
      </c>
      <c r="C528" s="5" t="s">
        <v>711</v>
      </c>
      <c r="D528" s="5" t="s">
        <v>40</v>
      </c>
    </row>
    <row r="529" spans="1:4" x14ac:dyDescent="0.25">
      <c r="A529" s="5" t="s">
        <v>701</v>
      </c>
      <c r="B529" s="6">
        <v>2</v>
      </c>
      <c r="C529" s="5" t="s">
        <v>710</v>
      </c>
      <c r="D529" s="5" t="s">
        <v>38</v>
      </c>
    </row>
    <row r="530" spans="1:4" x14ac:dyDescent="0.25">
      <c r="A530" s="5" t="s">
        <v>701</v>
      </c>
      <c r="B530" s="6">
        <v>3</v>
      </c>
      <c r="C530" s="5" t="s">
        <v>709</v>
      </c>
      <c r="D530" s="5" t="s">
        <v>261</v>
      </c>
    </row>
    <row r="531" spans="1:4" x14ac:dyDescent="0.25">
      <c r="A531" s="5" t="s">
        <v>701</v>
      </c>
      <c r="B531" s="6">
        <v>4</v>
      </c>
      <c r="C531" s="5" t="s">
        <v>708</v>
      </c>
      <c r="D531" s="5" t="s">
        <v>546</v>
      </c>
    </row>
    <row r="532" spans="1:4" x14ac:dyDescent="0.25">
      <c r="A532" s="5" t="s">
        <v>701</v>
      </c>
      <c r="B532" s="6">
        <v>5</v>
      </c>
      <c r="C532" s="5" t="s">
        <v>707</v>
      </c>
      <c r="D532" s="5" t="s">
        <v>136</v>
      </c>
    </row>
    <row r="533" spans="1:4" x14ac:dyDescent="0.25">
      <c r="A533" s="5" t="s">
        <v>701</v>
      </c>
      <c r="B533" s="6">
        <v>6</v>
      </c>
      <c r="C533" s="5" t="s">
        <v>706</v>
      </c>
      <c r="D533" s="5" t="s">
        <v>40</v>
      </c>
    </row>
    <row r="534" spans="1:4" x14ac:dyDescent="0.25">
      <c r="A534" s="5" t="s">
        <v>701</v>
      </c>
      <c r="B534" s="6">
        <v>7</v>
      </c>
      <c r="C534" s="5" t="s">
        <v>705</v>
      </c>
      <c r="D534" s="5" t="s">
        <v>13</v>
      </c>
    </row>
    <row r="535" spans="1:4" x14ac:dyDescent="0.25">
      <c r="A535" s="5" t="s">
        <v>701</v>
      </c>
      <c r="B535" s="6">
        <v>8</v>
      </c>
      <c r="C535" s="5" t="s">
        <v>704</v>
      </c>
      <c r="D535" s="5" t="s">
        <v>76</v>
      </c>
    </row>
    <row r="536" spans="1:4" x14ac:dyDescent="0.25">
      <c r="A536" s="5" t="s">
        <v>701</v>
      </c>
      <c r="B536" s="6">
        <v>9</v>
      </c>
      <c r="C536" s="5" t="s">
        <v>703</v>
      </c>
      <c r="D536" s="5" t="s">
        <v>198</v>
      </c>
    </row>
    <row r="537" spans="1:4" x14ac:dyDescent="0.25">
      <c r="A537" s="5" t="s">
        <v>701</v>
      </c>
      <c r="B537" s="6">
        <v>10</v>
      </c>
      <c r="C537" s="5" t="s">
        <v>702</v>
      </c>
      <c r="D537" s="5" t="s">
        <v>214</v>
      </c>
    </row>
    <row r="538" spans="1:4" x14ac:dyDescent="0.25">
      <c r="A538" s="5" t="s">
        <v>712</v>
      </c>
      <c r="B538" s="6">
        <v>1</v>
      </c>
      <c r="C538" s="5" t="s">
        <v>723</v>
      </c>
      <c r="D538" s="5" t="s">
        <v>597</v>
      </c>
    </row>
    <row r="539" spans="1:4" x14ac:dyDescent="0.25">
      <c r="A539" s="5" t="s">
        <v>712</v>
      </c>
      <c r="B539" s="6">
        <v>2</v>
      </c>
      <c r="C539" s="5" t="s">
        <v>722</v>
      </c>
      <c r="D539" s="5" t="s">
        <v>104</v>
      </c>
    </row>
    <row r="540" spans="1:4" x14ac:dyDescent="0.25">
      <c r="A540" s="5" t="s">
        <v>712</v>
      </c>
      <c r="B540" s="6">
        <v>3</v>
      </c>
      <c r="C540" s="5" t="s">
        <v>720</v>
      </c>
      <c r="D540" s="5" t="s">
        <v>721</v>
      </c>
    </row>
    <row r="541" spans="1:4" x14ac:dyDescent="0.25">
      <c r="A541" s="5" t="s">
        <v>712</v>
      </c>
      <c r="B541" s="6">
        <v>4</v>
      </c>
      <c r="C541" s="5" t="s">
        <v>719</v>
      </c>
      <c r="D541" s="5" t="s">
        <v>104</v>
      </c>
    </row>
    <row r="542" spans="1:4" x14ac:dyDescent="0.25">
      <c r="A542" s="5" t="s">
        <v>712</v>
      </c>
      <c r="B542" s="6">
        <v>5</v>
      </c>
      <c r="C542" s="5" t="s">
        <v>718</v>
      </c>
      <c r="D542" s="5" t="s">
        <v>270</v>
      </c>
    </row>
    <row r="543" spans="1:4" x14ac:dyDescent="0.25">
      <c r="A543" s="5" t="s">
        <v>712</v>
      </c>
      <c r="B543" s="6">
        <v>6</v>
      </c>
      <c r="C543" s="5" t="s">
        <v>717</v>
      </c>
      <c r="D543" s="5" t="s">
        <v>16</v>
      </c>
    </row>
    <row r="544" spans="1:4" x14ac:dyDescent="0.25">
      <c r="A544" s="5" t="s">
        <v>712</v>
      </c>
      <c r="B544" s="6">
        <v>7</v>
      </c>
      <c r="C544" s="5" t="s">
        <v>716</v>
      </c>
      <c r="D544" s="5" t="s">
        <v>9</v>
      </c>
    </row>
    <row r="545" spans="1:4" x14ac:dyDescent="0.25">
      <c r="A545" s="5" t="s">
        <v>712</v>
      </c>
      <c r="B545" s="6">
        <v>8</v>
      </c>
      <c r="C545" s="5" t="s">
        <v>715</v>
      </c>
      <c r="D545" s="5" t="s">
        <v>339</v>
      </c>
    </row>
    <row r="546" spans="1:4" x14ac:dyDescent="0.25">
      <c r="A546" s="5" t="s">
        <v>712</v>
      </c>
      <c r="B546" s="6">
        <v>9</v>
      </c>
      <c r="C546" s="5" t="s">
        <v>714</v>
      </c>
      <c r="D546" s="5" t="s">
        <v>38</v>
      </c>
    </row>
    <row r="547" spans="1:4" x14ac:dyDescent="0.25">
      <c r="A547" s="5" t="s">
        <v>712</v>
      </c>
      <c r="B547" s="6">
        <v>10</v>
      </c>
      <c r="C547" s="5" t="s">
        <v>713</v>
      </c>
      <c r="D547" s="5" t="s">
        <v>104</v>
      </c>
    </row>
    <row r="548" spans="1:4" x14ac:dyDescent="0.25">
      <c r="A548" s="5" t="s">
        <v>724</v>
      </c>
      <c r="B548" s="6">
        <v>1</v>
      </c>
      <c r="C548" s="5" t="s">
        <v>731</v>
      </c>
      <c r="D548" s="5" t="s">
        <v>82</v>
      </c>
    </row>
    <row r="549" spans="1:4" x14ac:dyDescent="0.25">
      <c r="A549" s="5" t="s">
        <v>724</v>
      </c>
      <c r="B549" s="6">
        <v>2</v>
      </c>
      <c r="C549" s="5" t="s">
        <v>730</v>
      </c>
      <c r="D549" s="5" t="s">
        <v>87</v>
      </c>
    </row>
    <row r="550" spans="1:4" x14ac:dyDescent="0.25">
      <c r="A550" s="5" t="s">
        <v>724</v>
      </c>
      <c r="B550" s="6">
        <v>3</v>
      </c>
      <c r="C550" s="5" t="s">
        <v>729</v>
      </c>
      <c r="D550" s="5" t="s">
        <v>29</v>
      </c>
    </row>
    <row r="551" spans="1:4" x14ac:dyDescent="0.25">
      <c r="A551" s="5" t="s">
        <v>724</v>
      </c>
      <c r="B551" s="6">
        <v>4</v>
      </c>
      <c r="C551" s="5" t="s">
        <v>728</v>
      </c>
      <c r="D551" s="5" t="s">
        <v>32</v>
      </c>
    </row>
    <row r="552" spans="1:4" x14ac:dyDescent="0.25">
      <c r="A552" s="5" t="s">
        <v>724</v>
      </c>
      <c r="B552" s="6">
        <v>5</v>
      </c>
      <c r="C552" s="5" t="s">
        <v>727</v>
      </c>
      <c r="D552" s="5" t="s">
        <v>100</v>
      </c>
    </row>
    <row r="553" spans="1:4" x14ac:dyDescent="0.25">
      <c r="A553" s="5" t="s">
        <v>724</v>
      </c>
      <c r="B553" s="6">
        <v>6</v>
      </c>
      <c r="C553" s="5" t="s">
        <v>726</v>
      </c>
      <c r="D553" s="5" t="s">
        <v>448</v>
      </c>
    </row>
    <row r="554" spans="1:4" x14ac:dyDescent="0.25">
      <c r="A554" s="5" t="s">
        <v>724</v>
      </c>
      <c r="B554" s="6">
        <v>7</v>
      </c>
      <c r="C554" s="5" t="s">
        <v>725</v>
      </c>
      <c r="D554" s="5" t="s">
        <v>116</v>
      </c>
    </row>
    <row r="555" spans="1:4" x14ac:dyDescent="0.25">
      <c r="A555" s="5" t="s">
        <v>732</v>
      </c>
      <c r="B555" s="6">
        <v>1</v>
      </c>
      <c r="C555" s="5" t="s">
        <v>742</v>
      </c>
      <c r="D555" s="5" t="s">
        <v>208</v>
      </c>
    </row>
    <row r="556" spans="1:4" x14ac:dyDescent="0.25">
      <c r="A556" s="5" t="s">
        <v>732</v>
      </c>
      <c r="B556" s="6">
        <v>2</v>
      </c>
      <c r="C556" s="5" t="s">
        <v>741</v>
      </c>
      <c r="D556" s="5" t="s">
        <v>198</v>
      </c>
    </row>
    <row r="557" spans="1:4" x14ac:dyDescent="0.25">
      <c r="A557" s="5" t="s">
        <v>732</v>
      </c>
      <c r="B557" s="6">
        <v>3</v>
      </c>
      <c r="C557" s="5" t="s">
        <v>740</v>
      </c>
      <c r="D557" s="5" t="s">
        <v>172</v>
      </c>
    </row>
    <row r="558" spans="1:4" x14ac:dyDescent="0.25">
      <c r="A558" s="5" t="s">
        <v>732</v>
      </c>
      <c r="B558" s="6">
        <v>4</v>
      </c>
      <c r="C558" s="5" t="s">
        <v>739</v>
      </c>
      <c r="D558" s="5" t="s">
        <v>38</v>
      </c>
    </row>
    <row r="559" spans="1:4" x14ac:dyDescent="0.25">
      <c r="A559" s="5" t="s">
        <v>732</v>
      </c>
      <c r="B559" s="6">
        <v>5</v>
      </c>
      <c r="C559" s="5" t="s">
        <v>738</v>
      </c>
      <c r="D559" s="5" t="s">
        <v>131</v>
      </c>
    </row>
    <row r="560" spans="1:4" x14ac:dyDescent="0.25">
      <c r="A560" s="5" t="s">
        <v>732</v>
      </c>
      <c r="B560" s="6">
        <v>6</v>
      </c>
      <c r="C560" s="5" t="s">
        <v>737</v>
      </c>
      <c r="D560" s="5" t="s">
        <v>361</v>
      </c>
    </row>
    <row r="561" spans="1:4" x14ac:dyDescent="0.25">
      <c r="A561" s="5" t="s">
        <v>732</v>
      </c>
      <c r="B561" s="6">
        <v>7</v>
      </c>
      <c r="C561" s="5" t="s">
        <v>736</v>
      </c>
      <c r="D561" s="5" t="s">
        <v>131</v>
      </c>
    </row>
    <row r="562" spans="1:4" x14ac:dyDescent="0.25">
      <c r="A562" s="5" t="s">
        <v>732</v>
      </c>
      <c r="B562" s="6">
        <v>8</v>
      </c>
      <c r="C562" s="5" t="s">
        <v>735</v>
      </c>
      <c r="D562" s="5" t="s">
        <v>157</v>
      </c>
    </row>
    <row r="563" spans="1:4" x14ac:dyDescent="0.25">
      <c r="A563" s="5" t="s">
        <v>732</v>
      </c>
      <c r="B563" s="6">
        <v>9</v>
      </c>
      <c r="C563" s="5" t="s">
        <v>734</v>
      </c>
      <c r="D563" s="5" t="s">
        <v>126</v>
      </c>
    </row>
    <row r="564" spans="1:4" x14ac:dyDescent="0.25">
      <c r="A564" s="5" t="s">
        <v>732</v>
      </c>
      <c r="B564" s="6">
        <v>10</v>
      </c>
      <c r="C564" s="5" t="s">
        <v>733</v>
      </c>
      <c r="D564" s="5" t="s">
        <v>198</v>
      </c>
    </row>
    <row r="565" spans="1:4" x14ac:dyDescent="0.25">
      <c r="A565" s="5" t="s">
        <v>743</v>
      </c>
      <c r="B565" s="6">
        <v>1</v>
      </c>
      <c r="C565" s="5" t="s">
        <v>754</v>
      </c>
      <c r="D565" s="5" t="s">
        <v>131</v>
      </c>
    </row>
    <row r="566" spans="1:4" x14ac:dyDescent="0.25">
      <c r="A566" s="5" t="s">
        <v>743</v>
      </c>
      <c r="B566" s="6">
        <v>2</v>
      </c>
      <c r="C566" s="5" t="s">
        <v>753</v>
      </c>
      <c r="D566" s="5" t="s">
        <v>443</v>
      </c>
    </row>
    <row r="567" spans="1:4" x14ac:dyDescent="0.25">
      <c r="A567" s="5" t="s">
        <v>743</v>
      </c>
      <c r="B567" s="6">
        <v>3</v>
      </c>
      <c r="C567" s="5" t="s">
        <v>752</v>
      </c>
      <c r="D567" s="5" t="s">
        <v>38</v>
      </c>
    </row>
    <row r="568" spans="1:4" x14ac:dyDescent="0.25">
      <c r="A568" s="5" t="s">
        <v>743</v>
      </c>
      <c r="B568" s="6">
        <v>4</v>
      </c>
      <c r="C568" s="5" t="s">
        <v>751</v>
      </c>
      <c r="D568" s="5" t="s">
        <v>64</v>
      </c>
    </row>
    <row r="569" spans="1:4" x14ac:dyDescent="0.25">
      <c r="A569" s="5" t="s">
        <v>743</v>
      </c>
      <c r="B569" s="6">
        <v>5</v>
      </c>
      <c r="C569" s="5" t="s">
        <v>750</v>
      </c>
      <c r="D569" s="5" t="s">
        <v>38</v>
      </c>
    </row>
    <row r="570" spans="1:4" x14ac:dyDescent="0.25">
      <c r="A570" s="5" t="s">
        <v>743</v>
      </c>
      <c r="B570" s="6">
        <v>6</v>
      </c>
      <c r="C570" s="5" t="s">
        <v>749</v>
      </c>
      <c r="D570" s="5" t="s">
        <v>89</v>
      </c>
    </row>
    <row r="571" spans="1:4" x14ac:dyDescent="0.25">
      <c r="A571" s="5" t="s">
        <v>743</v>
      </c>
      <c r="B571" s="6">
        <v>7</v>
      </c>
      <c r="C571" s="5" t="s">
        <v>748</v>
      </c>
      <c r="D571" s="5" t="s">
        <v>172</v>
      </c>
    </row>
    <row r="572" spans="1:4" x14ac:dyDescent="0.25">
      <c r="A572" s="5" t="s">
        <v>743</v>
      </c>
      <c r="B572" s="6">
        <v>8</v>
      </c>
      <c r="C572" s="5" t="s">
        <v>747</v>
      </c>
      <c r="D572" s="5" t="s">
        <v>164</v>
      </c>
    </row>
    <row r="573" spans="1:4" x14ac:dyDescent="0.25">
      <c r="A573" s="5" t="s">
        <v>743</v>
      </c>
      <c r="B573" s="6">
        <v>9</v>
      </c>
      <c r="C573" s="5" t="s">
        <v>745</v>
      </c>
      <c r="D573" s="5" t="s">
        <v>746</v>
      </c>
    </row>
    <row r="574" spans="1:4" x14ac:dyDescent="0.25">
      <c r="A574" s="5" t="s">
        <v>743</v>
      </c>
      <c r="B574" s="6">
        <v>10</v>
      </c>
      <c r="C574" s="5" t="s">
        <v>744</v>
      </c>
      <c r="D574" s="5" t="s">
        <v>76</v>
      </c>
    </row>
    <row r="575" spans="1:4" x14ac:dyDescent="0.25">
      <c r="A575" s="5" t="s">
        <v>755</v>
      </c>
      <c r="B575" s="6">
        <v>1</v>
      </c>
      <c r="C575" s="5" t="s">
        <v>765</v>
      </c>
      <c r="D575" s="5" t="s">
        <v>16</v>
      </c>
    </row>
    <row r="576" spans="1:4" x14ac:dyDescent="0.25">
      <c r="A576" s="5" t="s">
        <v>755</v>
      </c>
      <c r="B576" s="6">
        <v>2</v>
      </c>
      <c r="C576" s="5" t="s">
        <v>764</v>
      </c>
      <c r="D576" s="5" t="s">
        <v>16</v>
      </c>
    </row>
    <row r="577" spans="1:4" x14ac:dyDescent="0.25">
      <c r="A577" s="5" t="s">
        <v>755</v>
      </c>
      <c r="B577" s="6">
        <v>3</v>
      </c>
      <c r="C577" s="5" t="s">
        <v>763</v>
      </c>
      <c r="D577" s="5" t="s">
        <v>427</v>
      </c>
    </row>
    <row r="578" spans="1:4" x14ac:dyDescent="0.25">
      <c r="A578" s="5" t="s">
        <v>755</v>
      </c>
      <c r="B578" s="6">
        <v>4</v>
      </c>
      <c r="C578" s="5" t="s">
        <v>762</v>
      </c>
      <c r="D578" s="5" t="s">
        <v>311</v>
      </c>
    </row>
    <row r="579" spans="1:4" x14ac:dyDescent="0.25">
      <c r="A579" s="5" t="s">
        <v>755</v>
      </c>
      <c r="B579" s="6">
        <v>5</v>
      </c>
      <c r="C579" s="5" t="s">
        <v>761</v>
      </c>
      <c r="D579" s="5" t="s">
        <v>136</v>
      </c>
    </row>
    <row r="580" spans="1:4" x14ac:dyDescent="0.25">
      <c r="A580" s="5" t="s">
        <v>755</v>
      </c>
      <c r="B580" s="6">
        <v>6</v>
      </c>
      <c r="C580" s="5" t="s">
        <v>760</v>
      </c>
      <c r="D580" s="5" t="s">
        <v>62</v>
      </c>
    </row>
    <row r="581" spans="1:4" x14ac:dyDescent="0.25">
      <c r="A581" s="5" t="s">
        <v>755</v>
      </c>
      <c r="B581" s="6">
        <v>7</v>
      </c>
      <c r="C581" s="5" t="s">
        <v>759</v>
      </c>
      <c r="D581" s="5" t="s">
        <v>16</v>
      </c>
    </row>
    <row r="582" spans="1:4" x14ac:dyDescent="0.25">
      <c r="A582" s="5" t="s">
        <v>755</v>
      </c>
      <c r="B582" s="6">
        <v>8</v>
      </c>
      <c r="C582" s="5" t="s">
        <v>758</v>
      </c>
      <c r="D582" s="5" t="s">
        <v>13</v>
      </c>
    </row>
    <row r="583" spans="1:4" x14ac:dyDescent="0.25">
      <c r="A583" s="5" t="s">
        <v>755</v>
      </c>
      <c r="B583" s="6">
        <v>9</v>
      </c>
      <c r="C583" s="5" t="s">
        <v>757</v>
      </c>
      <c r="D583" s="5" t="s">
        <v>337</v>
      </c>
    </row>
    <row r="584" spans="1:4" x14ac:dyDescent="0.25">
      <c r="A584" s="5" t="s">
        <v>755</v>
      </c>
      <c r="B584" s="6">
        <v>10</v>
      </c>
      <c r="C584" s="5" t="s">
        <v>756</v>
      </c>
      <c r="D584" s="5" t="s">
        <v>381</v>
      </c>
    </row>
    <row r="585" spans="1:4" x14ac:dyDescent="0.25">
      <c r="A585" s="5" t="s">
        <v>766</v>
      </c>
      <c r="B585" s="6">
        <v>1</v>
      </c>
      <c r="C585" s="5" t="s">
        <v>776</v>
      </c>
      <c r="D585" s="5" t="s">
        <v>451</v>
      </c>
    </row>
    <row r="586" spans="1:4" x14ac:dyDescent="0.25">
      <c r="A586" s="5" t="s">
        <v>766</v>
      </c>
      <c r="B586" s="6">
        <v>2</v>
      </c>
      <c r="C586" s="5" t="s">
        <v>775</v>
      </c>
      <c r="D586" s="5" t="s">
        <v>131</v>
      </c>
    </row>
    <row r="587" spans="1:4" x14ac:dyDescent="0.25">
      <c r="A587" s="5" t="s">
        <v>766</v>
      </c>
      <c r="B587" s="6">
        <v>3</v>
      </c>
      <c r="C587" s="5" t="s">
        <v>774</v>
      </c>
      <c r="D587" s="5" t="s">
        <v>42</v>
      </c>
    </row>
    <row r="588" spans="1:4" x14ac:dyDescent="0.25">
      <c r="A588" s="5" t="s">
        <v>766</v>
      </c>
      <c r="B588" s="6">
        <v>4</v>
      </c>
      <c r="C588" s="5" t="s">
        <v>773</v>
      </c>
      <c r="D588" s="5" t="s">
        <v>261</v>
      </c>
    </row>
    <row r="589" spans="1:4" x14ac:dyDescent="0.25">
      <c r="A589" s="5" t="s">
        <v>766</v>
      </c>
      <c r="B589" s="6">
        <v>5</v>
      </c>
      <c r="C589" s="5" t="s">
        <v>772</v>
      </c>
      <c r="D589" s="5" t="s">
        <v>62</v>
      </c>
    </row>
    <row r="590" spans="1:4" x14ac:dyDescent="0.25">
      <c r="A590" s="5" t="s">
        <v>766</v>
      </c>
      <c r="B590" s="6">
        <v>6</v>
      </c>
      <c r="C590" s="5" t="s">
        <v>771</v>
      </c>
      <c r="D590" s="5" t="s">
        <v>126</v>
      </c>
    </row>
    <row r="591" spans="1:4" x14ac:dyDescent="0.25">
      <c r="A591" s="5" t="s">
        <v>766</v>
      </c>
      <c r="B591" s="6">
        <v>7</v>
      </c>
      <c r="C591" s="5" t="s">
        <v>770</v>
      </c>
      <c r="D591" s="5" t="s">
        <v>136</v>
      </c>
    </row>
    <row r="592" spans="1:4" x14ac:dyDescent="0.25">
      <c r="A592" s="5" t="s">
        <v>766</v>
      </c>
      <c r="B592" s="6">
        <v>8</v>
      </c>
      <c r="C592" s="5" t="s">
        <v>769</v>
      </c>
      <c r="D592" s="5" t="s">
        <v>119</v>
      </c>
    </row>
    <row r="593" spans="1:4" x14ac:dyDescent="0.25">
      <c r="A593" s="5" t="s">
        <v>766</v>
      </c>
      <c r="B593" s="6">
        <v>9</v>
      </c>
      <c r="C593" s="5" t="s">
        <v>768</v>
      </c>
      <c r="D593" s="5" t="s">
        <v>76</v>
      </c>
    </row>
    <row r="594" spans="1:4" x14ac:dyDescent="0.25">
      <c r="A594" s="5" t="s">
        <v>766</v>
      </c>
      <c r="B594" s="6">
        <v>10</v>
      </c>
      <c r="C594" s="5" t="s">
        <v>767</v>
      </c>
      <c r="D594" s="5" t="s">
        <v>131</v>
      </c>
    </row>
    <row r="595" spans="1:4" x14ac:dyDescent="0.25">
      <c r="A595" s="5" t="s">
        <v>777</v>
      </c>
      <c r="B595" s="6">
        <v>1</v>
      </c>
      <c r="C595" s="5" t="s">
        <v>787</v>
      </c>
      <c r="D595" s="5" t="s">
        <v>136</v>
      </c>
    </row>
    <row r="596" spans="1:4" x14ac:dyDescent="0.25">
      <c r="A596" s="5" t="s">
        <v>777</v>
      </c>
      <c r="B596" s="6">
        <v>2</v>
      </c>
      <c r="C596" s="5" t="s">
        <v>786</v>
      </c>
      <c r="D596" s="5" t="s">
        <v>121</v>
      </c>
    </row>
    <row r="597" spans="1:4" x14ac:dyDescent="0.25">
      <c r="A597" s="5" t="s">
        <v>777</v>
      </c>
      <c r="B597" s="6">
        <v>3</v>
      </c>
      <c r="C597" s="5" t="s">
        <v>785</v>
      </c>
      <c r="D597" s="5" t="s">
        <v>405</v>
      </c>
    </row>
    <row r="598" spans="1:4" x14ac:dyDescent="0.25">
      <c r="A598" s="5" t="s">
        <v>777</v>
      </c>
      <c r="B598" s="6">
        <v>4</v>
      </c>
      <c r="C598" s="5" t="s">
        <v>784</v>
      </c>
      <c r="D598" s="5" t="s">
        <v>40</v>
      </c>
    </row>
    <row r="599" spans="1:4" x14ac:dyDescent="0.25">
      <c r="A599" s="5" t="s">
        <v>777</v>
      </c>
      <c r="B599" s="6">
        <v>5</v>
      </c>
      <c r="C599" s="5" t="s">
        <v>783</v>
      </c>
      <c r="D599" s="5" t="s">
        <v>49</v>
      </c>
    </row>
    <row r="600" spans="1:4" x14ac:dyDescent="0.25">
      <c r="A600" s="5" t="s">
        <v>777</v>
      </c>
      <c r="B600" s="6">
        <v>6</v>
      </c>
      <c r="C600" s="5" t="s">
        <v>782</v>
      </c>
      <c r="D600" s="5" t="s">
        <v>284</v>
      </c>
    </row>
    <row r="601" spans="1:4" x14ac:dyDescent="0.25">
      <c r="A601" s="5" t="s">
        <v>777</v>
      </c>
      <c r="B601" s="6">
        <v>7</v>
      </c>
      <c r="C601" s="5" t="s">
        <v>781</v>
      </c>
      <c r="D601" s="5" t="s">
        <v>201</v>
      </c>
    </row>
    <row r="602" spans="1:4" x14ac:dyDescent="0.25">
      <c r="A602" s="5" t="s">
        <v>777</v>
      </c>
      <c r="B602" s="6">
        <v>8</v>
      </c>
      <c r="C602" s="5" t="s">
        <v>780</v>
      </c>
      <c r="D602" s="5" t="s">
        <v>157</v>
      </c>
    </row>
    <row r="603" spans="1:4" x14ac:dyDescent="0.25">
      <c r="A603" s="5" t="s">
        <v>777</v>
      </c>
      <c r="B603" s="6">
        <v>9</v>
      </c>
      <c r="C603" s="5" t="s">
        <v>779</v>
      </c>
      <c r="D603" s="5" t="s">
        <v>9</v>
      </c>
    </row>
    <row r="604" spans="1:4" x14ac:dyDescent="0.25">
      <c r="A604" s="5" t="s">
        <v>777</v>
      </c>
      <c r="B604" s="6">
        <v>10</v>
      </c>
      <c r="C604" s="5" t="s">
        <v>778</v>
      </c>
      <c r="D604" s="5" t="s">
        <v>27</v>
      </c>
    </row>
    <row r="605" spans="1:4" x14ac:dyDescent="0.25">
      <c r="A605" s="5" t="s">
        <v>788</v>
      </c>
      <c r="B605" s="6">
        <v>1</v>
      </c>
      <c r="C605" s="5" t="s">
        <v>800</v>
      </c>
      <c r="D605" s="5" t="s">
        <v>27</v>
      </c>
    </row>
    <row r="606" spans="1:4" x14ac:dyDescent="0.25">
      <c r="A606" s="5" t="s">
        <v>788</v>
      </c>
      <c r="B606" s="6">
        <v>2</v>
      </c>
      <c r="C606" s="5" t="s">
        <v>799</v>
      </c>
      <c r="D606" s="5" t="s">
        <v>62</v>
      </c>
    </row>
    <row r="607" spans="1:4" x14ac:dyDescent="0.25">
      <c r="A607" s="5" t="s">
        <v>788</v>
      </c>
      <c r="B607" s="6">
        <v>3</v>
      </c>
      <c r="C607" s="5" t="s">
        <v>798</v>
      </c>
      <c r="D607" s="5" t="s">
        <v>121</v>
      </c>
    </row>
    <row r="608" spans="1:4" x14ac:dyDescent="0.25">
      <c r="A608" s="5" t="s">
        <v>788</v>
      </c>
      <c r="B608" s="6">
        <v>4</v>
      </c>
      <c r="C608" s="5" t="s">
        <v>797</v>
      </c>
      <c r="D608" s="5" t="s">
        <v>40</v>
      </c>
    </row>
    <row r="609" spans="1:4" x14ac:dyDescent="0.25">
      <c r="A609" s="5" t="s">
        <v>788</v>
      </c>
      <c r="B609" s="6">
        <v>5</v>
      </c>
      <c r="C609" s="5" t="s">
        <v>796</v>
      </c>
      <c r="D609" s="5" t="s">
        <v>204</v>
      </c>
    </row>
    <row r="610" spans="1:4" x14ac:dyDescent="0.25">
      <c r="A610" s="5" t="s">
        <v>788</v>
      </c>
      <c r="B610" s="6">
        <v>6</v>
      </c>
      <c r="C610" s="5" t="s">
        <v>795</v>
      </c>
      <c r="D610" s="5" t="s">
        <v>87</v>
      </c>
    </row>
    <row r="611" spans="1:4" x14ac:dyDescent="0.25">
      <c r="A611" s="5" t="s">
        <v>788</v>
      </c>
      <c r="B611" s="6">
        <v>7</v>
      </c>
      <c r="C611" s="5" t="s">
        <v>793</v>
      </c>
      <c r="D611" s="5" t="s">
        <v>794</v>
      </c>
    </row>
    <row r="612" spans="1:4" x14ac:dyDescent="0.25">
      <c r="A612" s="5" t="s">
        <v>788</v>
      </c>
      <c r="B612" s="6">
        <v>8</v>
      </c>
      <c r="C612" s="5" t="s">
        <v>792</v>
      </c>
      <c r="D612" s="5" t="s">
        <v>402</v>
      </c>
    </row>
    <row r="613" spans="1:4" x14ac:dyDescent="0.25">
      <c r="A613" s="5" t="s">
        <v>788</v>
      </c>
      <c r="B613" s="6">
        <v>9</v>
      </c>
      <c r="C613" s="5" t="s">
        <v>791</v>
      </c>
      <c r="D613" s="5" t="s">
        <v>13</v>
      </c>
    </row>
    <row r="614" spans="1:4" x14ac:dyDescent="0.25">
      <c r="A614" s="5" t="s">
        <v>788</v>
      </c>
      <c r="B614" s="6">
        <v>10</v>
      </c>
      <c r="C614" s="5" t="s">
        <v>789</v>
      </c>
      <c r="D614" s="5" t="s">
        <v>790</v>
      </c>
    </row>
    <row r="615" spans="1:4" x14ac:dyDescent="0.25">
      <c r="A615" s="5" t="s">
        <v>801</v>
      </c>
      <c r="B615" s="6">
        <v>1</v>
      </c>
      <c r="C615" s="5" t="s">
        <v>811</v>
      </c>
      <c r="D615" s="5" t="s">
        <v>157</v>
      </c>
    </row>
    <row r="616" spans="1:4" x14ac:dyDescent="0.25">
      <c r="A616" s="5" t="s">
        <v>801</v>
      </c>
      <c r="B616" s="6">
        <v>2</v>
      </c>
      <c r="C616" s="5" t="s">
        <v>810</v>
      </c>
      <c r="D616" s="5" t="s">
        <v>131</v>
      </c>
    </row>
    <row r="617" spans="1:4" x14ac:dyDescent="0.25">
      <c r="A617" s="5" t="s">
        <v>801</v>
      </c>
      <c r="B617" s="6">
        <v>3</v>
      </c>
      <c r="C617" s="5" t="s">
        <v>809</v>
      </c>
      <c r="D617" s="5" t="s">
        <v>76</v>
      </c>
    </row>
    <row r="618" spans="1:4" x14ac:dyDescent="0.25">
      <c r="A618" s="5" t="s">
        <v>801</v>
      </c>
      <c r="B618" s="6">
        <v>4</v>
      </c>
      <c r="C618" s="5" t="s">
        <v>808</v>
      </c>
      <c r="D618" s="5" t="s">
        <v>36</v>
      </c>
    </row>
    <row r="619" spans="1:4" x14ac:dyDescent="0.25">
      <c r="A619" s="5" t="s">
        <v>801</v>
      </c>
      <c r="B619" s="6">
        <v>5</v>
      </c>
      <c r="C619" s="5" t="s">
        <v>807</v>
      </c>
      <c r="D619" s="5" t="s">
        <v>76</v>
      </c>
    </row>
    <row r="620" spans="1:4" x14ac:dyDescent="0.25">
      <c r="A620" s="5" t="s">
        <v>801</v>
      </c>
      <c r="B620" s="6">
        <v>6</v>
      </c>
      <c r="C620" s="5" t="s">
        <v>806</v>
      </c>
      <c r="D620" s="5" t="s">
        <v>381</v>
      </c>
    </row>
    <row r="621" spans="1:4" x14ac:dyDescent="0.25">
      <c r="A621" s="5" t="s">
        <v>801</v>
      </c>
      <c r="B621" s="6">
        <v>7</v>
      </c>
      <c r="C621" s="5" t="s">
        <v>805</v>
      </c>
      <c r="D621" s="5" t="s">
        <v>40</v>
      </c>
    </row>
    <row r="622" spans="1:4" x14ac:dyDescent="0.25">
      <c r="A622" s="5" t="s">
        <v>801</v>
      </c>
      <c r="B622" s="6">
        <v>8</v>
      </c>
      <c r="C622" s="5" t="s">
        <v>804</v>
      </c>
      <c r="D622" s="5" t="s">
        <v>76</v>
      </c>
    </row>
    <row r="623" spans="1:4" x14ac:dyDescent="0.25">
      <c r="A623" s="5" t="s">
        <v>801</v>
      </c>
      <c r="B623" s="6">
        <v>9</v>
      </c>
      <c r="C623" s="5" t="s">
        <v>803</v>
      </c>
      <c r="D623" s="5" t="s">
        <v>116</v>
      </c>
    </row>
    <row r="624" spans="1:4" x14ac:dyDescent="0.25">
      <c r="A624" s="5" t="s">
        <v>801</v>
      </c>
      <c r="B624" s="6">
        <v>10</v>
      </c>
      <c r="C624" s="5" t="s">
        <v>802</v>
      </c>
      <c r="D624" s="5" t="s">
        <v>131</v>
      </c>
    </row>
    <row r="625" spans="1:4" x14ac:dyDescent="0.25">
      <c r="A625" s="5" t="s">
        <v>812</v>
      </c>
      <c r="B625" s="6">
        <v>1</v>
      </c>
      <c r="C625" s="5" t="s">
        <v>822</v>
      </c>
      <c r="D625" s="5" t="s">
        <v>16</v>
      </c>
    </row>
    <row r="626" spans="1:4" x14ac:dyDescent="0.25">
      <c r="A626" s="5" t="s">
        <v>812</v>
      </c>
      <c r="B626" s="6">
        <v>2</v>
      </c>
      <c r="C626" s="5" t="s">
        <v>821</v>
      </c>
      <c r="D626" s="5" t="s">
        <v>226</v>
      </c>
    </row>
    <row r="627" spans="1:4" x14ac:dyDescent="0.25">
      <c r="A627" s="5" t="s">
        <v>812</v>
      </c>
      <c r="B627" s="6">
        <v>3</v>
      </c>
      <c r="C627" s="5" t="s">
        <v>820</v>
      </c>
      <c r="D627" s="5" t="s">
        <v>226</v>
      </c>
    </row>
    <row r="628" spans="1:4" x14ac:dyDescent="0.25">
      <c r="A628" s="5" t="s">
        <v>812</v>
      </c>
      <c r="B628" s="6">
        <v>4</v>
      </c>
      <c r="C628" s="5" t="s">
        <v>819</v>
      </c>
      <c r="D628" s="5" t="s">
        <v>40</v>
      </c>
    </row>
    <row r="629" spans="1:4" x14ac:dyDescent="0.25">
      <c r="A629" s="5" t="s">
        <v>812</v>
      </c>
      <c r="B629" s="6">
        <v>5</v>
      </c>
      <c r="C629" s="5" t="s">
        <v>818</v>
      </c>
      <c r="D629" s="5" t="s">
        <v>178</v>
      </c>
    </row>
    <row r="630" spans="1:4" x14ac:dyDescent="0.25">
      <c r="A630" s="5" t="s">
        <v>812</v>
      </c>
      <c r="B630" s="6">
        <v>6</v>
      </c>
      <c r="C630" s="5" t="s">
        <v>817</v>
      </c>
      <c r="D630" s="5" t="s">
        <v>435</v>
      </c>
    </row>
    <row r="631" spans="1:4" x14ac:dyDescent="0.25">
      <c r="A631" s="5" t="s">
        <v>812</v>
      </c>
      <c r="B631" s="6">
        <v>7</v>
      </c>
      <c r="C631" s="5" t="s">
        <v>816</v>
      </c>
      <c r="D631" s="5" t="s">
        <v>261</v>
      </c>
    </row>
    <row r="632" spans="1:4" x14ac:dyDescent="0.25">
      <c r="A632" s="5" t="s">
        <v>812</v>
      </c>
      <c r="B632" s="6">
        <v>8</v>
      </c>
      <c r="C632" s="5" t="s">
        <v>815</v>
      </c>
      <c r="D632" s="5" t="s">
        <v>157</v>
      </c>
    </row>
    <row r="633" spans="1:4" x14ac:dyDescent="0.25">
      <c r="A633" s="5" t="s">
        <v>812</v>
      </c>
      <c r="B633" s="6">
        <v>9</v>
      </c>
      <c r="C633" s="5" t="s">
        <v>814</v>
      </c>
      <c r="D633" s="5" t="s">
        <v>381</v>
      </c>
    </row>
    <row r="634" spans="1:4" x14ac:dyDescent="0.25">
      <c r="A634" s="5" t="s">
        <v>812</v>
      </c>
      <c r="B634" s="6">
        <v>10</v>
      </c>
      <c r="C634" s="5" t="s">
        <v>813</v>
      </c>
      <c r="D634" s="5" t="s">
        <v>111</v>
      </c>
    </row>
    <row r="635" spans="1:4" x14ac:dyDescent="0.25">
      <c r="A635" s="5" t="s">
        <v>823</v>
      </c>
      <c r="B635" s="6">
        <v>1</v>
      </c>
      <c r="C635" s="5" t="s">
        <v>834</v>
      </c>
      <c r="D635" s="5" t="s">
        <v>870</v>
      </c>
    </row>
    <row r="636" spans="1:4" x14ac:dyDescent="0.25">
      <c r="A636" s="5" t="s">
        <v>823</v>
      </c>
      <c r="B636" s="6">
        <v>2</v>
      </c>
      <c r="C636" s="5" t="s">
        <v>833</v>
      </c>
      <c r="D636" s="5" t="s">
        <v>89</v>
      </c>
    </row>
    <row r="637" spans="1:4" x14ac:dyDescent="0.25">
      <c r="A637" s="5" t="s">
        <v>823</v>
      </c>
      <c r="B637" s="6">
        <v>3</v>
      </c>
      <c r="C637" s="5" t="s">
        <v>832</v>
      </c>
      <c r="D637" s="5" t="s">
        <v>178</v>
      </c>
    </row>
    <row r="638" spans="1:4" x14ac:dyDescent="0.25">
      <c r="A638" s="5" t="s">
        <v>823</v>
      </c>
      <c r="B638" s="6">
        <v>4</v>
      </c>
      <c r="C638" s="5" t="s">
        <v>831</v>
      </c>
      <c r="D638" s="5" t="s">
        <v>22</v>
      </c>
    </row>
    <row r="639" spans="1:4" x14ac:dyDescent="0.25">
      <c r="A639" s="5" t="s">
        <v>823</v>
      </c>
      <c r="B639" s="6">
        <v>5</v>
      </c>
      <c r="C639" s="5" t="s">
        <v>830</v>
      </c>
      <c r="D639" s="5" t="s">
        <v>131</v>
      </c>
    </row>
    <row r="640" spans="1:4" x14ac:dyDescent="0.25">
      <c r="A640" s="5" t="s">
        <v>823</v>
      </c>
      <c r="B640" s="6">
        <v>6</v>
      </c>
      <c r="C640" s="5" t="s">
        <v>829</v>
      </c>
      <c r="D640" s="5" t="s">
        <v>214</v>
      </c>
    </row>
    <row r="641" spans="1:4" x14ac:dyDescent="0.25">
      <c r="A641" s="5" t="s">
        <v>823</v>
      </c>
      <c r="B641" s="6">
        <v>7</v>
      </c>
      <c r="C641" s="5" t="s">
        <v>828</v>
      </c>
      <c r="D641" s="5" t="s">
        <v>141</v>
      </c>
    </row>
    <row r="642" spans="1:4" x14ac:dyDescent="0.25">
      <c r="A642" s="5" t="s">
        <v>823</v>
      </c>
      <c r="B642" s="6">
        <v>8</v>
      </c>
      <c r="C642" s="5" t="s">
        <v>826</v>
      </c>
      <c r="D642" s="5" t="s">
        <v>827</v>
      </c>
    </row>
    <row r="643" spans="1:4" x14ac:dyDescent="0.25">
      <c r="A643" s="5" t="s">
        <v>823</v>
      </c>
      <c r="B643" s="6">
        <v>9</v>
      </c>
      <c r="C643" s="5" t="s">
        <v>825</v>
      </c>
      <c r="D643" s="5" t="s">
        <v>57</v>
      </c>
    </row>
    <row r="644" spans="1:4" x14ac:dyDescent="0.25">
      <c r="A644" s="5" t="s">
        <v>823</v>
      </c>
      <c r="B644" s="6">
        <v>10</v>
      </c>
      <c r="C644" s="5" t="s">
        <v>824</v>
      </c>
      <c r="D644" s="5" t="s">
        <v>40</v>
      </c>
    </row>
    <row r="645" spans="1:4" x14ac:dyDescent="0.25">
      <c r="A645" s="5" t="s">
        <v>835</v>
      </c>
      <c r="B645" s="6">
        <v>1</v>
      </c>
      <c r="C645" s="5" t="s">
        <v>845</v>
      </c>
      <c r="D645" s="5" t="s">
        <v>268</v>
      </c>
    </row>
    <row r="646" spans="1:4" x14ac:dyDescent="0.25">
      <c r="A646" s="5" t="s">
        <v>835</v>
      </c>
      <c r="B646" s="6">
        <v>2</v>
      </c>
      <c r="C646" s="5" t="s">
        <v>844</v>
      </c>
      <c r="D646" s="5" t="s">
        <v>268</v>
      </c>
    </row>
    <row r="647" spans="1:4" x14ac:dyDescent="0.25">
      <c r="A647" s="5" t="s">
        <v>835</v>
      </c>
      <c r="B647" s="6">
        <v>3</v>
      </c>
      <c r="C647" s="5" t="s">
        <v>843</v>
      </c>
      <c r="D647" s="5" t="s">
        <v>870</v>
      </c>
    </row>
    <row r="648" spans="1:4" x14ac:dyDescent="0.25">
      <c r="A648" s="5" t="s">
        <v>835</v>
      </c>
      <c r="B648" s="6">
        <v>4</v>
      </c>
      <c r="C648" s="5" t="s">
        <v>842</v>
      </c>
      <c r="D648" s="5" t="s">
        <v>40</v>
      </c>
    </row>
    <row r="649" spans="1:4" x14ac:dyDescent="0.25">
      <c r="A649" s="5" t="s">
        <v>835</v>
      </c>
      <c r="B649" s="6">
        <v>5</v>
      </c>
      <c r="C649" s="5" t="s">
        <v>841</v>
      </c>
      <c r="D649" s="5" t="s">
        <v>27</v>
      </c>
    </row>
    <row r="650" spans="1:4" x14ac:dyDescent="0.25">
      <c r="A650" s="5" t="s">
        <v>835</v>
      </c>
      <c r="B650" s="6">
        <v>6</v>
      </c>
      <c r="C650" s="5" t="s">
        <v>840</v>
      </c>
      <c r="D650" s="5" t="s">
        <v>38</v>
      </c>
    </row>
    <row r="651" spans="1:4" x14ac:dyDescent="0.25">
      <c r="A651" s="5" t="s">
        <v>835</v>
      </c>
      <c r="B651" s="6">
        <v>7</v>
      </c>
      <c r="C651" s="5" t="s">
        <v>839</v>
      </c>
      <c r="D651" s="5" t="s">
        <v>64</v>
      </c>
    </row>
    <row r="652" spans="1:4" x14ac:dyDescent="0.25">
      <c r="A652" s="5" t="s">
        <v>835</v>
      </c>
      <c r="B652" s="6">
        <v>8</v>
      </c>
      <c r="C652" s="5" t="s">
        <v>838</v>
      </c>
      <c r="D652" s="5" t="s">
        <v>34</v>
      </c>
    </row>
    <row r="653" spans="1:4" x14ac:dyDescent="0.25">
      <c r="A653" s="5" t="s">
        <v>835</v>
      </c>
      <c r="B653" s="6">
        <v>9</v>
      </c>
      <c r="C653" s="5" t="s">
        <v>837</v>
      </c>
      <c r="D653" s="5" t="s">
        <v>32</v>
      </c>
    </row>
    <row r="654" spans="1:4" x14ac:dyDescent="0.25">
      <c r="A654" s="5" t="s">
        <v>835</v>
      </c>
      <c r="B654" s="6">
        <v>10</v>
      </c>
      <c r="C654" s="5" t="s">
        <v>836</v>
      </c>
      <c r="D654" s="5" t="s">
        <v>261</v>
      </c>
    </row>
    <row r="655" spans="1:4" x14ac:dyDescent="0.25">
      <c r="A655" s="5" t="s">
        <v>846</v>
      </c>
      <c r="B655" s="6">
        <v>1</v>
      </c>
      <c r="C655" s="5" t="s">
        <v>856</v>
      </c>
      <c r="D655" s="5" t="s">
        <v>204</v>
      </c>
    </row>
    <row r="656" spans="1:4" x14ac:dyDescent="0.25">
      <c r="A656" s="5" t="s">
        <v>846</v>
      </c>
      <c r="B656" s="6">
        <v>2</v>
      </c>
      <c r="C656" s="5" t="s">
        <v>855</v>
      </c>
      <c r="D656" s="5" t="s">
        <v>74</v>
      </c>
    </row>
    <row r="657" spans="1:4" x14ac:dyDescent="0.25">
      <c r="A657" s="5" t="s">
        <v>846</v>
      </c>
      <c r="B657" s="6">
        <v>3</v>
      </c>
      <c r="C657" s="5" t="s">
        <v>854</v>
      </c>
      <c r="D657" s="5" t="s">
        <v>136</v>
      </c>
    </row>
    <row r="658" spans="1:4" x14ac:dyDescent="0.25">
      <c r="A658" s="5" t="s">
        <v>846</v>
      </c>
      <c r="B658" s="6">
        <v>4</v>
      </c>
      <c r="C658" s="5" t="s">
        <v>853</v>
      </c>
      <c r="D658" s="5" t="s">
        <v>111</v>
      </c>
    </row>
    <row r="659" spans="1:4" x14ac:dyDescent="0.25">
      <c r="A659" s="5" t="s">
        <v>846</v>
      </c>
      <c r="B659" s="6">
        <v>5</v>
      </c>
      <c r="C659" s="5" t="s">
        <v>852</v>
      </c>
      <c r="D659" s="5" t="s">
        <v>136</v>
      </c>
    </row>
    <row r="660" spans="1:4" x14ac:dyDescent="0.25">
      <c r="A660" s="5" t="s">
        <v>846</v>
      </c>
      <c r="B660" s="6">
        <v>6</v>
      </c>
      <c r="C660" s="5" t="s">
        <v>851</v>
      </c>
      <c r="D660" s="5" t="s">
        <v>157</v>
      </c>
    </row>
    <row r="661" spans="1:4" x14ac:dyDescent="0.25">
      <c r="A661" s="5" t="s">
        <v>846</v>
      </c>
      <c r="B661" s="6">
        <v>7</v>
      </c>
      <c r="C661" s="5" t="s">
        <v>850</v>
      </c>
      <c r="D661" s="5" t="s">
        <v>49</v>
      </c>
    </row>
    <row r="662" spans="1:4" x14ac:dyDescent="0.25">
      <c r="A662" s="5" t="s">
        <v>846</v>
      </c>
      <c r="B662" s="6">
        <v>8</v>
      </c>
      <c r="C662" s="5" t="s">
        <v>849</v>
      </c>
      <c r="D662" s="5" t="s">
        <v>214</v>
      </c>
    </row>
    <row r="663" spans="1:4" x14ac:dyDescent="0.25">
      <c r="A663" s="5" t="s">
        <v>846</v>
      </c>
      <c r="B663" s="6">
        <v>9</v>
      </c>
      <c r="C663" s="5" t="s">
        <v>848</v>
      </c>
      <c r="D663" s="5" t="s">
        <v>134</v>
      </c>
    </row>
    <row r="664" spans="1:4" x14ac:dyDescent="0.25">
      <c r="A664" s="5" t="s">
        <v>846</v>
      </c>
      <c r="B664" s="6">
        <v>10</v>
      </c>
      <c r="C664" s="5" t="s">
        <v>847</v>
      </c>
      <c r="D664" s="5" t="s">
        <v>111</v>
      </c>
    </row>
    <row r="665" spans="1:4" x14ac:dyDescent="0.25">
      <c r="A665" s="5" t="s">
        <v>857</v>
      </c>
      <c r="B665" s="6">
        <v>1</v>
      </c>
      <c r="C665" s="5" t="s">
        <v>868</v>
      </c>
      <c r="D665" s="5" t="s">
        <v>268</v>
      </c>
    </row>
    <row r="666" spans="1:4" x14ac:dyDescent="0.25">
      <c r="A666" s="5" t="s">
        <v>857</v>
      </c>
      <c r="B666" s="6">
        <v>2</v>
      </c>
      <c r="C666" s="5" t="s">
        <v>867</v>
      </c>
      <c r="D666" s="5" t="s">
        <v>111</v>
      </c>
    </row>
    <row r="667" spans="1:4" x14ac:dyDescent="0.25">
      <c r="A667" s="5" t="s">
        <v>857</v>
      </c>
      <c r="B667" s="6">
        <v>3</v>
      </c>
      <c r="C667" s="5" t="s">
        <v>866</v>
      </c>
      <c r="D667" s="5" t="s">
        <v>268</v>
      </c>
    </row>
    <row r="668" spans="1:4" x14ac:dyDescent="0.25">
      <c r="A668" s="5" t="s">
        <v>857</v>
      </c>
      <c r="B668" s="6">
        <v>4</v>
      </c>
      <c r="C668" s="5" t="s">
        <v>865</v>
      </c>
      <c r="D668" s="5" t="s">
        <v>34</v>
      </c>
    </row>
    <row r="669" spans="1:4" x14ac:dyDescent="0.25">
      <c r="A669" s="5" t="s">
        <v>857</v>
      </c>
      <c r="B669" s="6">
        <v>5</v>
      </c>
      <c r="C669" s="5" t="s">
        <v>864</v>
      </c>
      <c r="D669" s="5" t="s">
        <v>361</v>
      </c>
    </row>
    <row r="670" spans="1:4" x14ac:dyDescent="0.25">
      <c r="A670" s="5" t="s">
        <v>857</v>
      </c>
      <c r="B670" s="6">
        <v>6</v>
      </c>
      <c r="C670" s="5" t="s">
        <v>863</v>
      </c>
      <c r="D670" s="5" t="s">
        <v>40</v>
      </c>
    </row>
    <row r="671" spans="1:4" x14ac:dyDescent="0.25">
      <c r="A671" s="5" t="s">
        <v>857</v>
      </c>
      <c r="B671" s="6">
        <v>7</v>
      </c>
      <c r="C671" s="5" t="s">
        <v>862</v>
      </c>
      <c r="D671" s="5" t="s">
        <v>46</v>
      </c>
    </row>
    <row r="672" spans="1:4" x14ac:dyDescent="0.25">
      <c r="A672" s="5" t="s">
        <v>857</v>
      </c>
      <c r="B672" s="6">
        <v>8</v>
      </c>
      <c r="C672" s="5" t="s">
        <v>860</v>
      </c>
      <c r="D672" s="5" t="s">
        <v>861</v>
      </c>
    </row>
    <row r="673" spans="1:4" x14ac:dyDescent="0.25">
      <c r="A673" s="5" t="s">
        <v>857</v>
      </c>
      <c r="B673" s="6">
        <v>9</v>
      </c>
      <c r="C673" s="5" t="s">
        <v>859</v>
      </c>
      <c r="D673" s="5" t="s">
        <v>55</v>
      </c>
    </row>
    <row r="674" spans="1:4" x14ac:dyDescent="0.25">
      <c r="A674" s="5" t="s">
        <v>857</v>
      </c>
      <c r="B674" s="6">
        <v>10</v>
      </c>
      <c r="C674" s="5" t="s">
        <v>858</v>
      </c>
      <c r="D674" s="5" t="s">
        <v>32</v>
      </c>
    </row>
  </sheetData>
  <sortState xmlns:xlrd2="http://schemas.microsoft.com/office/spreadsheetml/2017/richdata2" ref="A2:D674">
    <sortCondition ref="A2:A674"/>
    <sortCondition ref="B2:B674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Result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nn, Miki</dc:creator>
  <cp:lastModifiedBy>Davis, Molly</cp:lastModifiedBy>
  <dcterms:created xsi:type="dcterms:W3CDTF">2019-04-24T03:48:50Z</dcterms:created>
  <dcterms:modified xsi:type="dcterms:W3CDTF">2021-07-19T16:50:34Z</dcterms:modified>
</cp:coreProperties>
</file>